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706" r:id="rId5"/>
  </p:sldMasterIdLst>
  <p:notesMasterIdLst>
    <p:notesMasterId r:id="rId21"/>
  </p:notesMasterIdLst>
  <p:handoutMasterIdLst>
    <p:handoutMasterId r:id="rId22"/>
  </p:handoutMasterIdLst>
  <p:sldIdLst>
    <p:sldId id="256" r:id="rId6"/>
    <p:sldId id="408" r:id="rId7"/>
    <p:sldId id="419" r:id="rId8"/>
    <p:sldId id="2142533497" r:id="rId9"/>
    <p:sldId id="2142533440" r:id="rId10"/>
    <p:sldId id="2142533492" r:id="rId11"/>
    <p:sldId id="2142533496" r:id="rId12"/>
    <p:sldId id="2142533499" r:id="rId13"/>
    <p:sldId id="2142533498" r:id="rId14"/>
    <p:sldId id="384" r:id="rId15"/>
    <p:sldId id="425" r:id="rId16"/>
    <p:sldId id="2142533455" r:id="rId17"/>
    <p:sldId id="410" r:id="rId18"/>
    <p:sldId id="424" r:id="rId19"/>
    <p:sldId id="387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56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Thomas Fernandes" initials="TF" lastIdx="6" clrIdx="0">
    <p:extLst>
      <p:ext uri="{19B8F6BF-5375-455C-9EA6-DF929625EA0E}">
        <p15:presenceInfo xmlns:p15="http://schemas.microsoft.com/office/powerpoint/2012/main" userId="S::thomas.fernandes@FireEye.com::bcacd270-570a-4c00-8041-9a61c36f1a24" providerId="AD"/>
      </p:ext>
    </p:extLst>
  </p:cmAuthor>
  <p:cmAuthor id="2" name="Howard Israel" initials="HI" lastIdx="7" clrIdx="1">
    <p:extLst>
      <p:ext uri="{19B8F6BF-5375-455C-9EA6-DF929625EA0E}">
        <p15:presenceInfo xmlns:p15="http://schemas.microsoft.com/office/powerpoint/2012/main" userId="S::howard.israel@fireeye.com::0729e7c4-dccc-4ca7-89f5-4b3e9f184b7c" providerId="AD"/>
      </p:ext>
    </p:extLst>
  </p:cmAuthor>
  <p:cmAuthor id="3" name="Andy Tomaszewski" initials="AT" lastIdx="5" clrIdx="2">
    <p:extLst>
      <p:ext uri="{19B8F6BF-5375-455C-9EA6-DF929625EA0E}">
        <p15:presenceInfo xmlns:p15="http://schemas.microsoft.com/office/powerpoint/2012/main" userId="S::andrew.tomaszewski@FireEye.com::d37d9ad3-ba64-46ca-86c2-ec40869f7b1e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A2735"/>
    <a:srgbClr val="3C4F65"/>
    <a:srgbClr val="3C394D"/>
    <a:srgbClr val="AA3543"/>
    <a:srgbClr val="F2F2F2"/>
    <a:srgbClr val="121117"/>
    <a:srgbClr val="6A1717"/>
    <a:srgbClr val="364B55"/>
    <a:srgbClr val="A4BBC5"/>
    <a:srgbClr val="39393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1"/>
    <p:restoredTop sz="94694"/>
  </p:normalViewPr>
  <p:slideViewPr>
    <p:cSldViewPr snapToGrid="0">
      <p:cViewPr varScale="1">
        <p:scale>
          <a:sx n="121" d="100"/>
          <a:sy n="121" d="100"/>
        </p:scale>
        <p:origin x="744" y="176"/>
      </p:cViewPr>
      <p:guideLst>
        <p:guide orient="horz" pos="15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commentAuthors" Target="commentAuthor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handoutMaster" Target="handoutMasters/handout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A08D1AC-F1C3-41A5-8589-32F982D8091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-1" y="0"/>
            <a:ext cx="3884613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b="1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7A3BE8B-DD04-46F6-88E6-CAA146F6FF06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17BBD4-EBDF-4BE6-A398-6A74BC2BA9AE}" type="datetimeFigureOut">
              <a:rPr lang="en-US" smtClean="0"/>
              <a:t>6/28/23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6D861DA-36A8-49C6-8A0C-99617273CF9F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2" y="8579077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525850C-26E0-4D80-877C-73A9DA93726B}" type="slidenum">
              <a:rPr lang="en-US" smtClean="0"/>
              <a:t>‹#›</a:t>
            </a:fld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83E073D-F580-46D8-96A3-102A286EA081}"/>
              </a:ext>
            </a:extLst>
          </p:cNvPr>
          <p:cNvSpPr/>
          <p:nvPr/>
        </p:nvSpPr>
        <p:spPr>
          <a:xfrm>
            <a:off x="927914" y="8887492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54FDE02C-8DDE-4044-B176-E29733DDE11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6809" y="8848138"/>
            <a:ext cx="143933" cy="143933"/>
          </a:xfrm>
          <a:prstGeom prst="rect">
            <a:avLst/>
          </a:prstGeom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3E9E8C85-3D62-4EBF-8226-F7F34EEBDF13}"/>
              </a:ext>
            </a:extLst>
          </p:cNvPr>
          <p:cNvGrpSpPr/>
          <p:nvPr/>
        </p:nvGrpSpPr>
        <p:grpSpPr>
          <a:xfrm>
            <a:off x="260029" y="8784618"/>
            <a:ext cx="206584" cy="179791"/>
            <a:chOff x="1663255" y="2091113"/>
            <a:chExt cx="1096060" cy="953909"/>
          </a:xfrm>
        </p:grpSpPr>
        <p:sp>
          <p:nvSpPr>
            <p:cNvPr id="9" name="Freeform 21">
              <a:extLst>
                <a:ext uri="{FF2B5EF4-FFF2-40B4-BE49-F238E27FC236}">
                  <a16:creationId xmlns:a16="http://schemas.microsoft.com/office/drawing/2014/main" id="{1E3DDA70-66CE-4D4E-AAA4-C7F914BA394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0" name="Freeform 22">
              <a:extLst>
                <a:ext uri="{FF2B5EF4-FFF2-40B4-BE49-F238E27FC236}">
                  <a16:creationId xmlns:a16="http://schemas.microsoft.com/office/drawing/2014/main" id="{A3A9DC0B-7028-4CCF-AD79-755EF7057F08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7332994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-1" y="0"/>
            <a:ext cx="3884613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1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BAB8EFE-3024-F044-AA22-6269FC45A6AD}" type="datetimeFigureOut">
              <a:rPr lang="en-US" smtClean="0"/>
              <a:t>6/28/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2" y="8589800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0C22BD4-18F2-124C-BD80-65BCF421BEBB}" type="slidenum">
              <a:rPr lang="en-US" smtClean="0"/>
              <a:t>‹#›</a:t>
            </a:fld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2CA4C35-23B9-4633-BB4D-A7B21C7DBB2C}"/>
              </a:ext>
            </a:extLst>
          </p:cNvPr>
          <p:cNvSpPr/>
          <p:nvPr/>
        </p:nvSpPr>
        <p:spPr>
          <a:xfrm>
            <a:off x="927914" y="8887492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252835C-F77D-4A24-AA09-F14CCE3FBC2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6809" y="8848138"/>
            <a:ext cx="143933" cy="143933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E6E1A818-C5CC-49AB-AD69-EFBF4BA830BC}"/>
              </a:ext>
            </a:extLst>
          </p:cNvPr>
          <p:cNvGrpSpPr/>
          <p:nvPr/>
        </p:nvGrpSpPr>
        <p:grpSpPr>
          <a:xfrm>
            <a:off x="260029" y="8784618"/>
            <a:ext cx="206584" cy="179791"/>
            <a:chOff x="1663255" y="2091113"/>
            <a:chExt cx="1096060" cy="953909"/>
          </a:xfrm>
        </p:grpSpPr>
        <p:sp>
          <p:nvSpPr>
            <p:cNvPr id="11" name="Freeform 21">
              <a:extLst>
                <a:ext uri="{FF2B5EF4-FFF2-40B4-BE49-F238E27FC236}">
                  <a16:creationId xmlns:a16="http://schemas.microsoft.com/office/drawing/2014/main" id="{A14863A3-0B15-4AD3-B8F1-A3963D244BD3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2" name="Freeform 22">
              <a:extLst>
                <a:ext uri="{FF2B5EF4-FFF2-40B4-BE49-F238E27FC236}">
                  <a16:creationId xmlns:a16="http://schemas.microsoft.com/office/drawing/2014/main" id="{E1FE35EA-9FA6-40B9-9BD5-E0F4385376F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3984513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0C22BD4-18F2-124C-BD80-65BCF421BEB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15104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jpe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bg bwMode="inv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F18BEDC6-8089-0142-B994-747B124100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 bwMode="ltGray"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8573E798-CE4D-5C44-9F39-6F10266462D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gray">
          <a:xfrm>
            <a:off x="609600" y="3084103"/>
            <a:ext cx="10789084" cy="65557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defRPr lang="en-US" sz="4200" b="1" i="0" kern="1200" spc="0" baseline="0" dirty="0">
                <a:solidFill>
                  <a:schemeClr val="bg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/>
              <a:t>Click to Edit Headline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2CBC350D-1F58-644B-AA52-ECC126BC9EE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609600" y="3810992"/>
            <a:ext cx="10783823" cy="4619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700" b="0" i="0" kern="1200" baseline="0" dirty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Click to edit subhead </a:t>
            </a:r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A0D27376-E15B-B548-8064-664308EC64C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gray">
          <a:xfrm>
            <a:off x="609599" y="4878303"/>
            <a:ext cx="10860891" cy="260625"/>
          </a:xfrm>
        </p:spPr>
        <p:txBody>
          <a:bodyPr lIns="0">
            <a:noAutofit/>
          </a:bodyPr>
          <a:lstStyle>
            <a:lvl1pPr marL="0" indent="0" algn="l">
              <a:buNone/>
              <a:defRPr sz="13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Presenter’s Name</a:t>
            </a: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79626020-A123-0B45-9777-A0EDE9581F0E}"/>
              </a:ext>
            </a:extLst>
          </p:cNvPr>
          <p:cNvGrpSpPr/>
          <p:nvPr userDrawn="1"/>
        </p:nvGrpSpPr>
        <p:grpSpPr bwMode="gray">
          <a:xfrm>
            <a:off x="616671" y="1122601"/>
            <a:ext cx="3617598" cy="379377"/>
            <a:chOff x="624909" y="1122601"/>
            <a:chExt cx="3617598" cy="379377"/>
          </a:xfrm>
        </p:grpSpPr>
        <p:sp>
          <p:nvSpPr>
            <p:cNvPr id="8" name="Freeform 7">
              <a:extLst>
                <a:ext uri="{FF2B5EF4-FFF2-40B4-BE49-F238E27FC236}">
                  <a16:creationId xmlns:a16="http://schemas.microsoft.com/office/drawing/2014/main" id="{97FDEDD9-02C4-6545-94DF-2C8C699B95D2}"/>
                </a:ext>
              </a:extLst>
            </p:cNvPr>
            <p:cNvSpPr/>
            <p:nvPr/>
          </p:nvSpPr>
          <p:spPr bwMode="gray">
            <a:xfrm>
              <a:off x="1186165" y="1122601"/>
              <a:ext cx="393634" cy="377958"/>
            </a:xfrm>
            <a:custGeom>
              <a:avLst/>
              <a:gdLst>
                <a:gd name="connsiteX0" fmla="*/ 401405 w 401404"/>
                <a:gd name="connsiteY0" fmla="*/ 385418 h 385418"/>
                <a:gd name="connsiteX1" fmla="*/ 329727 w 401404"/>
                <a:gd name="connsiteY1" fmla="*/ 385418 h 385418"/>
                <a:gd name="connsiteX2" fmla="*/ 294990 w 401404"/>
                <a:gd name="connsiteY2" fmla="*/ 298850 h 385418"/>
                <a:gd name="connsiteX3" fmla="*/ 106965 w 401404"/>
                <a:gd name="connsiteY3" fmla="*/ 298850 h 385418"/>
                <a:gd name="connsiteX4" fmla="*/ 72236 w 401404"/>
                <a:gd name="connsiteY4" fmla="*/ 385418 h 385418"/>
                <a:gd name="connsiteX5" fmla="*/ 0 w 401404"/>
                <a:gd name="connsiteY5" fmla="*/ 385418 h 385418"/>
                <a:gd name="connsiteX6" fmla="*/ 154386 w 401404"/>
                <a:gd name="connsiteY6" fmla="*/ 0 h 385418"/>
                <a:gd name="connsiteX7" fmla="*/ 247569 w 401404"/>
                <a:gd name="connsiteY7" fmla="*/ 0 h 385418"/>
                <a:gd name="connsiteX8" fmla="*/ 269075 w 401404"/>
                <a:gd name="connsiteY8" fmla="*/ 234334 h 385418"/>
                <a:gd name="connsiteX9" fmla="*/ 200702 w 401404"/>
                <a:gd name="connsiteY9" fmla="*/ 63958 h 385418"/>
                <a:gd name="connsiteX10" fmla="*/ 132884 w 401404"/>
                <a:gd name="connsiteY10" fmla="*/ 234334 h 385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01404" h="385418">
                  <a:moveTo>
                    <a:pt x="401405" y="385418"/>
                  </a:moveTo>
                  <a:lnTo>
                    <a:pt x="329727" y="385418"/>
                  </a:lnTo>
                  <a:lnTo>
                    <a:pt x="294990" y="298850"/>
                  </a:lnTo>
                  <a:lnTo>
                    <a:pt x="106965" y="298850"/>
                  </a:lnTo>
                  <a:lnTo>
                    <a:pt x="72236" y="385418"/>
                  </a:lnTo>
                  <a:lnTo>
                    <a:pt x="0" y="385418"/>
                  </a:lnTo>
                  <a:lnTo>
                    <a:pt x="154386" y="0"/>
                  </a:lnTo>
                  <a:lnTo>
                    <a:pt x="247569" y="0"/>
                  </a:lnTo>
                  <a:close/>
                  <a:moveTo>
                    <a:pt x="269075" y="234334"/>
                  </a:moveTo>
                  <a:lnTo>
                    <a:pt x="200702" y="63958"/>
                  </a:lnTo>
                  <a:lnTo>
                    <a:pt x="132884" y="234334"/>
                  </a:ln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" name="Freeform 8">
              <a:extLst>
                <a:ext uri="{FF2B5EF4-FFF2-40B4-BE49-F238E27FC236}">
                  <a16:creationId xmlns:a16="http://schemas.microsoft.com/office/drawing/2014/main" id="{1E77F700-16B8-6547-9B58-CB7B91B2D142}"/>
                </a:ext>
              </a:extLst>
            </p:cNvPr>
            <p:cNvSpPr/>
            <p:nvPr/>
          </p:nvSpPr>
          <p:spPr bwMode="gray">
            <a:xfrm>
              <a:off x="1706293" y="1122601"/>
              <a:ext cx="343893" cy="377958"/>
            </a:xfrm>
            <a:custGeom>
              <a:avLst/>
              <a:gdLst>
                <a:gd name="connsiteX0" fmla="*/ 350682 w 350681"/>
                <a:gd name="connsiteY0" fmla="*/ 385418 h 385418"/>
                <a:gd name="connsiteX1" fmla="*/ 298839 w 350681"/>
                <a:gd name="connsiteY1" fmla="*/ 385418 h 385418"/>
                <a:gd name="connsiteX2" fmla="*/ 71116 w 350681"/>
                <a:gd name="connsiteY2" fmla="*/ 120750 h 385418"/>
                <a:gd name="connsiteX3" fmla="*/ 71116 w 350681"/>
                <a:gd name="connsiteY3" fmla="*/ 385418 h 385418"/>
                <a:gd name="connsiteX4" fmla="*/ 0 w 350681"/>
                <a:gd name="connsiteY4" fmla="*/ 385418 h 385418"/>
                <a:gd name="connsiteX5" fmla="*/ 0 w 350681"/>
                <a:gd name="connsiteY5" fmla="*/ 0 h 385418"/>
                <a:gd name="connsiteX6" fmla="*/ 51831 w 350681"/>
                <a:gd name="connsiteY6" fmla="*/ 0 h 385418"/>
                <a:gd name="connsiteX7" fmla="*/ 279554 w 350681"/>
                <a:gd name="connsiteY7" fmla="*/ 264110 h 385418"/>
                <a:gd name="connsiteX8" fmla="*/ 279554 w 350681"/>
                <a:gd name="connsiteY8" fmla="*/ 0 h 385418"/>
                <a:gd name="connsiteX9" fmla="*/ 350682 w 350681"/>
                <a:gd name="connsiteY9" fmla="*/ 0 h 385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50681" h="385418">
                  <a:moveTo>
                    <a:pt x="350682" y="385418"/>
                  </a:moveTo>
                  <a:lnTo>
                    <a:pt x="298839" y="385418"/>
                  </a:lnTo>
                  <a:lnTo>
                    <a:pt x="71116" y="120750"/>
                  </a:lnTo>
                  <a:lnTo>
                    <a:pt x="71116" y="385418"/>
                  </a:lnTo>
                  <a:lnTo>
                    <a:pt x="0" y="385418"/>
                  </a:lnTo>
                  <a:lnTo>
                    <a:pt x="0" y="0"/>
                  </a:lnTo>
                  <a:lnTo>
                    <a:pt x="51831" y="0"/>
                  </a:lnTo>
                  <a:lnTo>
                    <a:pt x="279554" y="264110"/>
                  </a:lnTo>
                  <a:lnTo>
                    <a:pt x="279554" y="0"/>
                  </a:lnTo>
                  <a:lnTo>
                    <a:pt x="350682" y="0"/>
                  </a:ln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" name="Freeform 9">
              <a:extLst>
                <a:ext uri="{FF2B5EF4-FFF2-40B4-BE49-F238E27FC236}">
                  <a16:creationId xmlns:a16="http://schemas.microsoft.com/office/drawing/2014/main" id="{8EDC7467-842F-B347-9525-8C2AB5032988}"/>
                </a:ext>
              </a:extLst>
            </p:cNvPr>
            <p:cNvSpPr/>
            <p:nvPr/>
          </p:nvSpPr>
          <p:spPr bwMode="gray">
            <a:xfrm>
              <a:off x="2222791" y="1122601"/>
              <a:ext cx="348758" cy="377958"/>
            </a:xfrm>
            <a:custGeom>
              <a:avLst/>
              <a:gdLst>
                <a:gd name="connsiteX0" fmla="*/ 355642 w 355642"/>
                <a:gd name="connsiteY0" fmla="*/ 192432 h 385418"/>
                <a:gd name="connsiteX1" fmla="*/ 165966 w 355642"/>
                <a:gd name="connsiteY1" fmla="*/ 385418 h 385418"/>
                <a:gd name="connsiteX2" fmla="*/ 0 w 355642"/>
                <a:gd name="connsiteY2" fmla="*/ 385418 h 385418"/>
                <a:gd name="connsiteX3" fmla="*/ 0 w 355642"/>
                <a:gd name="connsiteY3" fmla="*/ 0 h 385418"/>
                <a:gd name="connsiteX4" fmla="*/ 165966 w 355642"/>
                <a:gd name="connsiteY4" fmla="*/ 0 h 385418"/>
                <a:gd name="connsiteX5" fmla="*/ 355642 w 355642"/>
                <a:gd name="connsiteY5" fmla="*/ 192432 h 385418"/>
                <a:gd name="connsiteX6" fmla="*/ 285065 w 355642"/>
                <a:gd name="connsiteY6" fmla="*/ 192432 h 385418"/>
                <a:gd name="connsiteX7" fmla="*/ 163761 w 355642"/>
                <a:gd name="connsiteY7" fmla="*/ 68372 h 385418"/>
                <a:gd name="connsiteX8" fmla="*/ 71128 w 355642"/>
                <a:gd name="connsiteY8" fmla="*/ 68372 h 385418"/>
                <a:gd name="connsiteX9" fmla="*/ 71128 w 355642"/>
                <a:gd name="connsiteY9" fmla="*/ 316492 h 385418"/>
                <a:gd name="connsiteX10" fmla="*/ 163761 w 355642"/>
                <a:gd name="connsiteY10" fmla="*/ 316492 h 385418"/>
                <a:gd name="connsiteX11" fmla="*/ 285065 w 355642"/>
                <a:gd name="connsiteY11" fmla="*/ 192432 h 385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55642" h="385418">
                  <a:moveTo>
                    <a:pt x="355642" y="192432"/>
                  </a:moveTo>
                  <a:cubicBezTo>
                    <a:pt x="355642" y="298850"/>
                    <a:pt x="270729" y="385418"/>
                    <a:pt x="165966" y="385418"/>
                  </a:cubicBezTo>
                  <a:lnTo>
                    <a:pt x="0" y="385418"/>
                  </a:lnTo>
                  <a:lnTo>
                    <a:pt x="0" y="0"/>
                  </a:lnTo>
                  <a:lnTo>
                    <a:pt x="165966" y="0"/>
                  </a:lnTo>
                  <a:cubicBezTo>
                    <a:pt x="270729" y="0"/>
                    <a:pt x="355642" y="86014"/>
                    <a:pt x="355642" y="192432"/>
                  </a:cubicBezTo>
                  <a:close/>
                  <a:moveTo>
                    <a:pt x="285065" y="192432"/>
                  </a:moveTo>
                  <a:cubicBezTo>
                    <a:pt x="285065" y="124060"/>
                    <a:pt x="230478" y="68372"/>
                    <a:pt x="163761" y="68372"/>
                  </a:cubicBezTo>
                  <a:lnTo>
                    <a:pt x="71128" y="68372"/>
                  </a:lnTo>
                  <a:lnTo>
                    <a:pt x="71128" y="316492"/>
                  </a:lnTo>
                  <a:lnTo>
                    <a:pt x="163761" y="316492"/>
                  </a:lnTo>
                  <a:cubicBezTo>
                    <a:pt x="230478" y="316492"/>
                    <a:pt x="285065" y="260804"/>
                    <a:pt x="285065" y="192432"/>
                  </a:cubicBez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" name="Freeform 10">
              <a:extLst>
                <a:ext uri="{FF2B5EF4-FFF2-40B4-BE49-F238E27FC236}">
                  <a16:creationId xmlns:a16="http://schemas.microsoft.com/office/drawing/2014/main" id="{BB6942A1-0E50-0146-B18B-63DEA1DE9AB1}"/>
                </a:ext>
              </a:extLst>
            </p:cNvPr>
            <p:cNvSpPr/>
            <p:nvPr/>
          </p:nvSpPr>
          <p:spPr bwMode="gray">
            <a:xfrm>
              <a:off x="2717505" y="1122601"/>
              <a:ext cx="69754" cy="377958"/>
            </a:xfrm>
            <a:custGeom>
              <a:avLst/>
              <a:gdLst>
                <a:gd name="connsiteX0" fmla="*/ 0 w 71131"/>
                <a:gd name="connsiteY0" fmla="*/ 385418 h 385418"/>
                <a:gd name="connsiteX1" fmla="*/ 0 w 71131"/>
                <a:gd name="connsiteY1" fmla="*/ 0 h 385418"/>
                <a:gd name="connsiteX2" fmla="*/ 71132 w 71131"/>
                <a:gd name="connsiteY2" fmla="*/ 0 h 385418"/>
                <a:gd name="connsiteX3" fmla="*/ 71132 w 71131"/>
                <a:gd name="connsiteY3" fmla="*/ 385418 h 385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1131" h="385418">
                  <a:moveTo>
                    <a:pt x="0" y="385418"/>
                  </a:moveTo>
                  <a:lnTo>
                    <a:pt x="0" y="0"/>
                  </a:lnTo>
                  <a:lnTo>
                    <a:pt x="71132" y="0"/>
                  </a:lnTo>
                  <a:lnTo>
                    <a:pt x="71132" y="385418"/>
                  </a:ln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" name="Freeform 11">
              <a:extLst>
                <a:ext uri="{FF2B5EF4-FFF2-40B4-BE49-F238E27FC236}">
                  <a16:creationId xmlns:a16="http://schemas.microsoft.com/office/drawing/2014/main" id="{DE2D862C-296E-D849-A92B-20B0BC396EE8}"/>
                </a:ext>
              </a:extLst>
            </p:cNvPr>
            <p:cNvSpPr/>
            <p:nvPr/>
          </p:nvSpPr>
          <p:spPr bwMode="gray">
            <a:xfrm>
              <a:off x="2912228" y="1122601"/>
              <a:ext cx="393634" cy="377958"/>
            </a:xfrm>
            <a:custGeom>
              <a:avLst/>
              <a:gdLst>
                <a:gd name="connsiteX0" fmla="*/ 401405 w 401404"/>
                <a:gd name="connsiteY0" fmla="*/ 385418 h 385418"/>
                <a:gd name="connsiteX1" fmla="*/ 329727 w 401404"/>
                <a:gd name="connsiteY1" fmla="*/ 385418 h 385418"/>
                <a:gd name="connsiteX2" fmla="*/ 294990 w 401404"/>
                <a:gd name="connsiteY2" fmla="*/ 298850 h 385418"/>
                <a:gd name="connsiteX3" fmla="*/ 106969 w 401404"/>
                <a:gd name="connsiteY3" fmla="*/ 298850 h 385418"/>
                <a:gd name="connsiteX4" fmla="*/ 72232 w 401404"/>
                <a:gd name="connsiteY4" fmla="*/ 385418 h 385418"/>
                <a:gd name="connsiteX5" fmla="*/ 0 w 401404"/>
                <a:gd name="connsiteY5" fmla="*/ 385418 h 385418"/>
                <a:gd name="connsiteX6" fmla="*/ 154374 w 401404"/>
                <a:gd name="connsiteY6" fmla="*/ 0 h 385418"/>
                <a:gd name="connsiteX7" fmla="*/ 247558 w 401404"/>
                <a:gd name="connsiteY7" fmla="*/ 0 h 385418"/>
                <a:gd name="connsiteX8" fmla="*/ 269059 w 401404"/>
                <a:gd name="connsiteY8" fmla="*/ 234334 h 385418"/>
                <a:gd name="connsiteX9" fmla="*/ 200687 w 401404"/>
                <a:gd name="connsiteY9" fmla="*/ 63958 h 385418"/>
                <a:gd name="connsiteX10" fmla="*/ 132869 w 401404"/>
                <a:gd name="connsiteY10" fmla="*/ 234334 h 385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01404" h="385418">
                  <a:moveTo>
                    <a:pt x="401405" y="385418"/>
                  </a:moveTo>
                  <a:lnTo>
                    <a:pt x="329727" y="385418"/>
                  </a:lnTo>
                  <a:lnTo>
                    <a:pt x="294990" y="298850"/>
                  </a:lnTo>
                  <a:lnTo>
                    <a:pt x="106969" y="298850"/>
                  </a:lnTo>
                  <a:lnTo>
                    <a:pt x="72232" y="385418"/>
                  </a:lnTo>
                  <a:lnTo>
                    <a:pt x="0" y="385418"/>
                  </a:lnTo>
                  <a:lnTo>
                    <a:pt x="154374" y="0"/>
                  </a:lnTo>
                  <a:lnTo>
                    <a:pt x="247558" y="0"/>
                  </a:lnTo>
                  <a:close/>
                  <a:moveTo>
                    <a:pt x="269059" y="234334"/>
                  </a:moveTo>
                  <a:lnTo>
                    <a:pt x="200687" y="63958"/>
                  </a:lnTo>
                  <a:lnTo>
                    <a:pt x="132869" y="234334"/>
                  </a:ln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0CA51D91-45F7-D64A-85A8-52BCDBCE09DD}"/>
                </a:ext>
              </a:extLst>
            </p:cNvPr>
            <p:cNvSpPr/>
            <p:nvPr/>
          </p:nvSpPr>
          <p:spPr bwMode="gray">
            <a:xfrm>
              <a:off x="3432839" y="1122601"/>
              <a:ext cx="343893" cy="377958"/>
            </a:xfrm>
            <a:custGeom>
              <a:avLst/>
              <a:gdLst>
                <a:gd name="connsiteX0" fmla="*/ 350682 w 350681"/>
                <a:gd name="connsiteY0" fmla="*/ 385418 h 385418"/>
                <a:gd name="connsiteX1" fmla="*/ 298850 w 350681"/>
                <a:gd name="connsiteY1" fmla="*/ 385418 h 385418"/>
                <a:gd name="connsiteX2" fmla="*/ 71128 w 350681"/>
                <a:gd name="connsiteY2" fmla="*/ 120750 h 385418"/>
                <a:gd name="connsiteX3" fmla="*/ 71128 w 350681"/>
                <a:gd name="connsiteY3" fmla="*/ 385418 h 385418"/>
                <a:gd name="connsiteX4" fmla="*/ 0 w 350681"/>
                <a:gd name="connsiteY4" fmla="*/ 385418 h 385418"/>
                <a:gd name="connsiteX5" fmla="*/ 0 w 350681"/>
                <a:gd name="connsiteY5" fmla="*/ 0 h 385418"/>
                <a:gd name="connsiteX6" fmla="*/ 51824 w 350681"/>
                <a:gd name="connsiteY6" fmla="*/ 0 h 385418"/>
                <a:gd name="connsiteX7" fmla="*/ 279542 w 350681"/>
                <a:gd name="connsiteY7" fmla="*/ 264110 h 385418"/>
                <a:gd name="connsiteX8" fmla="*/ 279542 w 350681"/>
                <a:gd name="connsiteY8" fmla="*/ 0 h 385418"/>
                <a:gd name="connsiteX9" fmla="*/ 350674 w 350681"/>
                <a:gd name="connsiteY9" fmla="*/ 0 h 385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50681" h="385418">
                  <a:moveTo>
                    <a:pt x="350682" y="385418"/>
                  </a:moveTo>
                  <a:lnTo>
                    <a:pt x="298850" y="385418"/>
                  </a:lnTo>
                  <a:lnTo>
                    <a:pt x="71128" y="120750"/>
                  </a:lnTo>
                  <a:lnTo>
                    <a:pt x="71128" y="385418"/>
                  </a:lnTo>
                  <a:lnTo>
                    <a:pt x="0" y="385418"/>
                  </a:lnTo>
                  <a:lnTo>
                    <a:pt x="0" y="0"/>
                  </a:lnTo>
                  <a:lnTo>
                    <a:pt x="51824" y="0"/>
                  </a:lnTo>
                  <a:lnTo>
                    <a:pt x="279542" y="264110"/>
                  </a:lnTo>
                  <a:lnTo>
                    <a:pt x="279542" y="0"/>
                  </a:lnTo>
                  <a:lnTo>
                    <a:pt x="350674" y="0"/>
                  </a:ln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BEF5460E-2DC7-AF42-9CD6-2192364657FB}"/>
                </a:ext>
              </a:extLst>
            </p:cNvPr>
            <p:cNvSpPr/>
            <p:nvPr/>
          </p:nvSpPr>
          <p:spPr bwMode="gray">
            <a:xfrm>
              <a:off x="989291" y="1260404"/>
              <a:ext cx="69897" cy="240154"/>
            </a:xfrm>
            <a:custGeom>
              <a:avLst/>
              <a:gdLst>
                <a:gd name="connsiteX0" fmla="*/ 71278 w 71277"/>
                <a:gd name="connsiteY0" fmla="*/ 0 h 244894"/>
                <a:gd name="connsiteX1" fmla="*/ 0 w 71277"/>
                <a:gd name="connsiteY1" fmla="*/ 71170 h 244894"/>
                <a:gd name="connsiteX2" fmla="*/ 0 w 71277"/>
                <a:gd name="connsiteY2" fmla="*/ 71224 h 244894"/>
                <a:gd name="connsiteX3" fmla="*/ 0 w 71277"/>
                <a:gd name="connsiteY3" fmla="*/ 244895 h 244894"/>
                <a:gd name="connsiteX4" fmla="*/ 71278 w 71277"/>
                <a:gd name="connsiteY4" fmla="*/ 244895 h 2448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1277" h="244894">
                  <a:moveTo>
                    <a:pt x="71278" y="0"/>
                  </a:moveTo>
                  <a:cubicBezTo>
                    <a:pt x="31942" y="-30"/>
                    <a:pt x="30" y="31834"/>
                    <a:pt x="0" y="71170"/>
                  </a:cubicBezTo>
                  <a:cubicBezTo>
                    <a:pt x="0" y="71188"/>
                    <a:pt x="0" y="71206"/>
                    <a:pt x="0" y="71224"/>
                  </a:cubicBezTo>
                  <a:lnTo>
                    <a:pt x="0" y="244895"/>
                  </a:lnTo>
                  <a:lnTo>
                    <a:pt x="71278" y="244895"/>
                  </a:ln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B8A8D63A-A5AE-F64B-B640-8D9F6F31CDC2}"/>
                </a:ext>
              </a:extLst>
            </p:cNvPr>
            <p:cNvSpPr/>
            <p:nvPr/>
          </p:nvSpPr>
          <p:spPr bwMode="gray">
            <a:xfrm>
              <a:off x="3895984" y="1122601"/>
              <a:ext cx="346523" cy="379377"/>
            </a:xfrm>
            <a:custGeom>
              <a:avLst/>
              <a:gdLst>
                <a:gd name="connsiteX0" fmla="*/ 340768 w 353363"/>
                <a:gd name="connsiteY0" fmla="*/ 0 h 386865"/>
                <a:gd name="connsiteX1" fmla="*/ 61368 w 353363"/>
                <a:gd name="connsiteY1" fmla="*/ 0 h 386865"/>
                <a:gd name="connsiteX2" fmla="*/ 1332 w 353363"/>
                <a:gd name="connsiteY2" fmla="*/ 65597 h 386865"/>
                <a:gd name="connsiteX3" fmla="*/ 0 w 353363"/>
                <a:gd name="connsiteY3" fmla="*/ 66167 h 386865"/>
                <a:gd name="connsiteX4" fmla="*/ 133519 w 353363"/>
                <a:gd name="connsiteY4" fmla="*/ 66167 h 386865"/>
                <a:gd name="connsiteX5" fmla="*/ 133519 w 353363"/>
                <a:gd name="connsiteY5" fmla="*/ 386865 h 386865"/>
                <a:gd name="connsiteX6" fmla="*/ 204459 w 353363"/>
                <a:gd name="connsiteY6" fmla="*/ 385807 h 386865"/>
                <a:gd name="connsiteX7" fmla="*/ 204459 w 353363"/>
                <a:gd name="connsiteY7" fmla="*/ 385422 h 386865"/>
                <a:gd name="connsiteX8" fmla="*/ 205663 w 353363"/>
                <a:gd name="connsiteY8" fmla="*/ 385422 h 386865"/>
                <a:gd name="connsiteX9" fmla="*/ 205663 w 353363"/>
                <a:gd name="connsiteY9" fmla="*/ 66167 h 386865"/>
                <a:gd name="connsiteX10" fmla="*/ 238067 w 353363"/>
                <a:gd name="connsiteY10" fmla="*/ 66167 h 386865"/>
                <a:gd name="connsiteX11" fmla="*/ 238086 w 353363"/>
                <a:gd name="connsiteY11" fmla="*/ 66167 h 386865"/>
                <a:gd name="connsiteX12" fmla="*/ 295044 w 353363"/>
                <a:gd name="connsiteY12" fmla="*/ 66167 h 386865"/>
                <a:gd name="connsiteX13" fmla="*/ 353364 w 353363"/>
                <a:gd name="connsiteY13" fmla="*/ 15 h 3868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53363" h="386865">
                  <a:moveTo>
                    <a:pt x="340768" y="0"/>
                  </a:moveTo>
                  <a:lnTo>
                    <a:pt x="61368" y="0"/>
                  </a:lnTo>
                  <a:cubicBezTo>
                    <a:pt x="28371" y="0"/>
                    <a:pt x="1609" y="29322"/>
                    <a:pt x="1332" y="65597"/>
                  </a:cubicBezTo>
                  <a:lnTo>
                    <a:pt x="0" y="66167"/>
                  </a:lnTo>
                  <a:lnTo>
                    <a:pt x="133519" y="66167"/>
                  </a:lnTo>
                  <a:lnTo>
                    <a:pt x="133519" y="386865"/>
                  </a:lnTo>
                  <a:cubicBezTo>
                    <a:pt x="157680" y="386292"/>
                    <a:pt x="180571" y="387697"/>
                    <a:pt x="204459" y="385807"/>
                  </a:cubicBezTo>
                  <a:lnTo>
                    <a:pt x="204459" y="385422"/>
                  </a:lnTo>
                  <a:lnTo>
                    <a:pt x="205663" y="385422"/>
                  </a:lnTo>
                  <a:lnTo>
                    <a:pt x="205663" y="66167"/>
                  </a:lnTo>
                  <a:lnTo>
                    <a:pt x="238067" y="66167"/>
                  </a:lnTo>
                  <a:lnTo>
                    <a:pt x="238086" y="66167"/>
                  </a:lnTo>
                  <a:lnTo>
                    <a:pt x="295044" y="66167"/>
                  </a:lnTo>
                  <a:cubicBezTo>
                    <a:pt x="327410" y="65093"/>
                    <a:pt x="353364" y="35926"/>
                    <a:pt x="353364" y="15"/>
                  </a:cubicBezTo>
                  <a:close/>
                </a:path>
              </a:pathLst>
            </a:custGeom>
            <a:solidFill>
              <a:srgbClr val="FFFFFF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FBEEA04F-F0E8-004F-93B7-8D0111003B56}"/>
                </a:ext>
              </a:extLst>
            </p:cNvPr>
            <p:cNvSpPr/>
            <p:nvPr/>
          </p:nvSpPr>
          <p:spPr bwMode="gray">
            <a:xfrm>
              <a:off x="624909" y="1122601"/>
              <a:ext cx="434280" cy="377954"/>
            </a:xfrm>
            <a:custGeom>
              <a:avLst/>
              <a:gdLst>
                <a:gd name="connsiteX0" fmla="*/ 442853 w 442852"/>
                <a:gd name="connsiteY0" fmla="*/ 85113 h 385414"/>
                <a:gd name="connsiteX1" fmla="*/ 441698 w 442852"/>
                <a:gd name="connsiteY1" fmla="*/ 84967 h 385414"/>
                <a:gd name="connsiteX2" fmla="*/ 409013 w 442852"/>
                <a:gd name="connsiteY2" fmla="*/ 89770 h 385414"/>
                <a:gd name="connsiteX3" fmla="*/ 370359 w 442852"/>
                <a:gd name="connsiteY3" fmla="*/ 118814 h 385414"/>
                <a:gd name="connsiteX4" fmla="*/ 369789 w 442852"/>
                <a:gd name="connsiteY4" fmla="*/ 119376 h 385414"/>
                <a:gd name="connsiteX5" fmla="*/ 345786 w 442852"/>
                <a:gd name="connsiteY5" fmla="*/ 147251 h 385414"/>
                <a:gd name="connsiteX6" fmla="*/ 235523 w 442852"/>
                <a:gd name="connsiteY6" fmla="*/ 298850 h 385414"/>
                <a:gd name="connsiteX7" fmla="*/ 193467 w 442852"/>
                <a:gd name="connsiteY7" fmla="*/ 298850 h 385414"/>
                <a:gd name="connsiteX8" fmla="*/ 72352 w 442852"/>
                <a:gd name="connsiteY8" fmla="*/ 132330 h 385414"/>
                <a:gd name="connsiteX9" fmla="*/ 72352 w 442852"/>
                <a:gd name="connsiteY9" fmla="*/ 385414 h 385414"/>
                <a:gd name="connsiteX10" fmla="*/ 0 w 442852"/>
                <a:gd name="connsiteY10" fmla="*/ 385414 h 385414"/>
                <a:gd name="connsiteX11" fmla="*/ 0 w 442852"/>
                <a:gd name="connsiteY11" fmla="*/ 0 h 385414"/>
                <a:gd name="connsiteX12" fmla="*/ 56634 w 442852"/>
                <a:gd name="connsiteY12" fmla="*/ 0 h 385414"/>
                <a:gd name="connsiteX13" fmla="*/ 214195 w 442852"/>
                <a:gd name="connsiteY13" fmla="*/ 217247 h 385414"/>
                <a:gd name="connsiteX14" fmla="*/ 372322 w 442852"/>
                <a:gd name="connsiteY14" fmla="*/ 0 h 385414"/>
                <a:gd name="connsiteX15" fmla="*/ 442834 w 442852"/>
                <a:gd name="connsiteY15" fmla="*/ 0 h 3854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442852" h="385414">
                  <a:moveTo>
                    <a:pt x="442853" y="85113"/>
                  </a:moveTo>
                  <a:lnTo>
                    <a:pt x="441698" y="84967"/>
                  </a:lnTo>
                  <a:cubicBezTo>
                    <a:pt x="430568" y="83450"/>
                    <a:pt x="419236" y="85116"/>
                    <a:pt x="409013" y="89770"/>
                  </a:cubicBezTo>
                  <a:cubicBezTo>
                    <a:pt x="394613" y="97250"/>
                    <a:pt x="381551" y="107065"/>
                    <a:pt x="370359" y="118814"/>
                  </a:cubicBezTo>
                  <a:lnTo>
                    <a:pt x="369789" y="119376"/>
                  </a:lnTo>
                  <a:cubicBezTo>
                    <a:pt x="361042" y="127998"/>
                    <a:pt x="353014" y="137320"/>
                    <a:pt x="345786" y="147251"/>
                  </a:cubicBezTo>
                  <a:lnTo>
                    <a:pt x="235523" y="298850"/>
                  </a:lnTo>
                  <a:lnTo>
                    <a:pt x="193467" y="298850"/>
                  </a:lnTo>
                  <a:lnTo>
                    <a:pt x="72352" y="132330"/>
                  </a:lnTo>
                  <a:lnTo>
                    <a:pt x="72352" y="385414"/>
                  </a:lnTo>
                  <a:lnTo>
                    <a:pt x="0" y="385414"/>
                  </a:lnTo>
                  <a:lnTo>
                    <a:pt x="0" y="0"/>
                  </a:lnTo>
                  <a:lnTo>
                    <a:pt x="56634" y="0"/>
                  </a:lnTo>
                  <a:lnTo>
                    <a:pt x="214195" y="217247"/>
                  </a:lnTo>
                  <a:lnTo>
                    <a:pt x="372322" y="0"/>
                  </a:lnTo>
                  <a:lnTo>
                    <a:pt x="442834" y="0"/>
                  </a:lnTo>
                  <a:close/>
                </a:path>
              </a:pathLst>
            </a:custGeom>
            <a:solidFill>
              <a:srgbClr val="D6001C"/>
            </a:solidFill>
            <a:ln w="384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2EC384A-D430-8B49-B864-BD240AACD96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609600" y="5227889"/>
            <a:ext cx="10858347" cy="485775"/>
          </a:xfrm>
        </p:spPr>
        <p:txBody>
          <a:bodyPr lIns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050" b="0" i="0" kern="1200" dirty="0" smtClean="0">
                <a:solidFill>
                  <a:srgbClr val="FFFFFF">
                    <a:alpha val="65000"/>
                  </a:srgbClr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050" b="0" i="0" kern="1200" dirty="0" smtClean="0">
                <a:solidFill>
                  <a:srgbClr val="FFFFFF">
                    <a:alpha val="65000"/>
                  </a:srgbClr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050" b="0" i="0" kern="1200" dirty="0" smtClean="0">
                <a:solidFill>
                  <a:srgbClr val="FFFFFF">
                    <a:alpha val="65000"/>
                  </a:srgbClr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050" b="0" i="0" kern="1200" dirty="0" smtClean="0">
                <a:solidFill>
                  <a:srgbClr val="FFFFFF">
                    <a:alpha val="65000"/>
                  </a:srgbClr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050" b="0" i="0" kern="1200" dirty="0">
                <a:solidFill>
                  <a:srgbClr val="FFFFFF">
                    <a:alpha val="65000"/>
                  </a:srgbClr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Click to edit Presenter’s Title</a:t>
            </a:r>
          </a:p>
        </p:txBody>
      </p:sp>
    </p:spTree>
    <p:extLst>
      <p:ext uri="{BB962C8B-B14F-4D97-AF65-F5344CB8AC3E}">
        <p14:creationId xmlns:p14="http://schemas.microsoft.com/office/powerpoint/2010/main" val="216454358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-Subhead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59B36427-EE3A-B641-B041-90D1735AEEE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262565"/>
            <a:ext cx="10960904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kern="1200" dirty="0">
                <a:solidFill>
                  <a:schemeClr val="tx1"/>
                </a:solidFill>
                <a:latin typeface="+mn-lt"/>
                <a:ea typeface="+mj-ea"/>
                <a:cs typeface="+mj-cs"/>
              </a:defRPr>
            </a:lvl1pPr>
          </a:lstStyle>
          <a:p>
            <a:pPr lvl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</a:pPr>
            <a:r>
              <a:rPr lang="en-US"/>
              <a:t>Edit Section Headline</a:t>
            </a:r>
          </a:p>
        </p:txBody>
      </p:sp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5" name="Content Placeholder 17">
            <a:extLst>
              <a:ext uri="{FF2B5EF4-FFF2-40B4-BE49-F238E27FC236}">
                <a16:creationId xmlns:a16="http://schemas.microsoft.com/office/drawing/2014/main" id="{F0DCFB7C-3626-6746-9454-0F38859F3A01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5311139" cy="3612583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27" name="Content Placeholder 19">
            <a:extLst>
              <a:ext uri="{FF2B5EF4-FFF2-40B4-BE49-F238E27FC236}">
                <a16:creationId xmlns:a16="http://schemas.microsoft.com/office/drawing/2014/main" id="{EF0287D8-DF5A-7F4A-97E0-B36F4D638601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75937" y="2108200"/>
            <a:ext cx="5284005" cy="3612583"/>
          </a:xfrm>
        </p:spPr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7558EDAB-D42F-40C2-80B0-266D02939B0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8488" y="1643202"/>
            <a:ext cx="7286625" cy="310896"/>
          </a:xfrm>
        </p:spPr>
        <p:txBody>
          <a:bodyPr tIns="0" bIns="91440"/>
          <a:lstStyle>
            <a:lvl1pPr>
              <a:defRPr sz="230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4C31B212-3B2E-4A98-AB75-9EEB49F68506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1188" y="418761"/>
            <a:ext cx="3557587" cy="283464"/>
          </a:xfrm>
        </p:spPr>
        <p:txBody>
          <a:bodyPr/>
          <a:lstStyle>
            <a:lvl1pPr>
              <a:defRPr sz="1050" b="1" spc="150" baseline="0">
                <a:latin typeface="+mn-lt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9078779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BD990F-C862-F144-B9F3-B0940A3B5DB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99038" y="1622707"/>
            <a:ext cx="10960904" cy="4417419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 marL="517525" indent="-117475">
              <a:defRPr b="0" i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b="0" i="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</p:spTree>
    <p:extLst>
      <p:ext uri="{BB962C8B-B14F-4D97-AF65-F5344CB8AC3E}">
        <p14:creationId xmlns:p14="http://schemas.microsoft.com/office/powerpoint/2010/main" val="4501274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-Subhead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69C0E4EE-362D-4CCE-9F34-23A16AFBD31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8488" y="1153667"/>
            <a:ext cx="10960904" cy="310896"/>
          </a:xfrm>
        </p:spPr>
        <p:txBody>
          <a:bodyPr tIns="0" bIns="91440"/>
          <a:lstStyle>
            <a:lvl1pPr>
              <a:defRPr sz="230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0" name="Content Placeholder 17">
            <a:extLst>
              <a:ext uri="{FF2B5EF4-FFF2-40B4-BE49-F238E27FC236}">
                <a16:creationId xmlns:a16="http://schemas.microsoft.com/office/drawing/2014/main" id="{E6A75C73-78BF-9540-ADAE-B8F37C29279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5311139" cy="3612583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11" name="Content Placeholder 19">
            <a:extLst>
              <a:ext uri="{FF2B5EF4-FFF2-40B4-BE49-F238E27FC236}">
                <a16:creationId xmlns:a16="http://schemas.microsoft.com/office/drawing/2014/main" id="{3692CD83-320A-D84C-91F3-DFCF87041C6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75937" y="2108200"/>
            <a:ext cx="5284005" cy="3612583"/>
          </a:xfrm>
        </p:spPr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51041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Text-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7726DEAD-EE64-47BD-8197-3C1228C96E4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8488" y="1643202"/>
            <a:ext cx="10960904" cy="310896"/>
          </a:xfrm>
        </p:spPr>
        <p:txBody>
          <a:bodyPr tIns="0" bIns="91440"/>
          <a:lstStyle>
            <a:lvl1pPr>
              <a:defRPr sz="230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59B36427-EE3A-B641-B041-90D1735AEEE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262565"/>
            <a:ext cx="10960904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0" name="Text Placeholder 10">
            <a:extLst>
              <a:ext uri="{FF2B5EF4-FFF2-40B4-BE49-F238E27FC236}">
                <a16:creationId xmlns:a16="http://schemas.microsoft.com/office/drawing/2014/main" id="{A068C917-35E8-9F4D-B42F-8FA98CCE577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11886" y="399057"/>
            <a:ext cx="5809510" cy="279262"/>
          </a:xfrm>
        </p:spPr>
        <p:txBody>
          <a:bodyPr/>
          <a:lstStyle/>
          <a:p>
            <a:pPr lvl="5"/>
            <a:r>
              <a:rPr lang="en-US"/>
              <a:t>OPTIONAL LABEL</a:t>
            </a:r>
          </a:p>
        </p:txBody>
      </p:sp>
      <p:sp>
        <p:nvSpPr>
          <p:cNvPr id="23" name="Content Placeholder 19">
            <a:extLst>
              <a:ext uri="{FF2B5EF4-FFF2-40B4-BE49-F238E27FC236}">
                <a16:creationId xmlns:a16="http://schemas.microsoft.com/office/drawing/2014/main" id="{013DD5FB-3522-DB49-9D71-757BB8136CC3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03504" y="2108200"/>
            <a:ext cx="3410712" cy="3612583"/>
          </a:xfrm>
        </p:spPr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24" name="Content Placeholder 19">
            <a:extLst>
              <a:ext uri="{FF2B5EF4-FFF2-40B4-BE49-F238E27FC236}">
                <a16:creationId xmlns:a16="http://schemas.microsoft.com/office/drawing/2014/main" id="{BBC4B31A-C1CD-524E-9F87-5808B3D5184F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376367" y="2108200"/>
            <a:ext cx="3410712" cy="3612583"/>
          </a:xfrm>
        </p:spPr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25" name="Content Placeholder 19">
            <a:extLst>
              <a:ext uri="{FF2B5EF4-FFF2-40B4-BE49-F238E27FC236}">
                <a16:creationId xmlns:a16="http://schemas.microsoft.com/office/drawing/2014/main" id="{BEF74765-8F7A-A04A-9426-130D43750CB8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49230" y="2108200"/>
            <a:ext cx="3410712" cy="3612583"/>
          </a:xfrm>
        </p:spPr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178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</p:spTree>
    <p:extLst>
      <p:ext uri="{BB962C8B-B14F-4D97-AF65-F5344CB8AC3E}">
        <p14:creationId xmlns:p14="http://schemas.microsoft.com/office/powerpoint/2010/main" val="31934465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-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3B5C9784-2847-A84E-B628-93C55A0191A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20" name="Graphic 19">
            <a:extLst>
              <a:ext uri="{FF2B5EF4-FFF2-40B4-BE49-F238E27FC236}">
                <a16:creationId xmlns:a16="http://schemas.microsoft.com/office/drawing/2014/main" id="{391D9528-569E-7849-8D10-D54259BD84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9E50D6FC-1F6E-2B48-B2B1-A439F46FFCC3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FFFFFF">
                  <a:alpha val="6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B3FF914-F2B0-A546-AC24-F389EB3E9AC7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218654E8-D984-C145-AA2B-04319C378AE0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AE3BC4B2-4BF2-C742-B178-89AE0F88044D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1" name="Text Placeholder 14">
            <a:extLst>
              <a:ext uri="{FF2B5EF4-FFF2-40B4-BE49-F238E27FC236}">
                <a16:creationId xmlns:a16="http://schemas.microsoft.com/office/drawing/2014/main" id="{088E74F3-C5C0-1548-AF49-F275D9F924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2774776"/>
            <a:ext cx="2827253" cy="279347"/>
          </a:xfrm>
        </p:spPr>
        <p:txBody>
          <a:bodyPr lIns="0" tIns="0" rIns="0" bIns="0" anchor="b" anchorCtr="0">
            <a:noAutofit/>
          </a:bodyPr>
          <a:lstStyle>
            <a:lvl1pPr marL="0" indent="0">
              <a:buFontTx/>
              <a:buNone/>
              <a:defRPr lang="en-US" sz="1050" b="1" i="0" u="none" kern="1000" cap="all" spc="300" dirty="0" smtClean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6DCE1D79-A282-F840-891F-8285333FED8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161891"/>
            <a:ext cx="10783823" cy="655575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>
              <a:defRPr lang="en-US" sz="4200" b="1" i="0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Headlin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C9B76EEC-DBE1-7F49-A06A-144A0BA59ED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9600" y="4525454"/>
            <a:ext cx="10783823" cy="4619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700" b="0" i="0" kern="1200" baseline="0" dirty="0">
                <a:solidFill>
                  <a:srgbClr val="FFFFFF">
                    <a:alpha val="65000"/>
                  </a:srgb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Click to edit subhead </a:t>
            </a:r>
          </a:p>
        </p:txBody>
      </p:sp>
    </p:spTree>
    <p:extLst>
      <p:ext uri="{BB962C8B-B14F-4D97-AF65-F5344CB8AC3E}">
        <p14:creationId xmlns:p14="http://schemas.microsoft.com/office/powerpoint/2010/main" val="428908009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-Slate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3B5C9784-2847-A84E-B628-93C55A0191A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20" name="Graphic 19">
            <a:extLst>
              <a:ext uri="{FF2B5EF4-FFF2-40B4-BE49-F238E27FC236}">
                <a16:creationId xmlns:a16="http://schemas.microsoft.com/office/drawing/2014/main" id="{391D9528-569E-7849-8D10-D54259BD84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9E50D6FC-1F6E-2B48-B2B1-A439F46FFCC3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FFFFFF">
                  <a:alpha val="6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B3FF914-F2B0-A546-AC24-F389EB3E9AC7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218654E8-D984-C145-AA2B-04319C378AE0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AE3BC4B2-4BF2-C742-B178-89AE0F88044D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1" name="Text Placeholder 14">
            <a:extLst>
              <a:ext uri="{FF2B5EF4-FFF2-40B4-BE49-F238E27FC236}">
                <a16:creationId xmlns:a16="http://schemas.microsoft.com/office/drawing/2014/main" id="{088E74F3-C5C0-1548-AF49-F275D9F924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2774776"/>
            <a:ext cx="2827253" cy="279347"/>
          </a:xfrm>
        </p:spPr>
        <p:txBody>
          <a:bodyPr lIns="0" tIns="0" rIns="0" bIns="0" anchor="b" anchorCtr="0">
            <a:noAutofit/>
          </a:bodyPr>
          <a:lstStyle>
            <a:lvl1pPr marL="0" indent="0">
              <a:buFontTx/>
              <a:buNone/>
              <a:defRPr lang="en-US" sz="1050" b="1" i="0" u="none" kern="1000" cap="all" spc="300" dirty="0" smtClean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6DCE1D79-A282-F840-891F-8285333FED8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161891"/>
            <a:ext cx="10783823" cy="655575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>
              <a:defRPr lang="en-US" sz="4200" b="1" i="0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Headlin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C9B76EEC-DBE1-7F49-A06A-144A0BA59ED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9600" y="4525454"/>
            <a:ext cx="10783823" cy="4619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700" b="0" i="0" kern="1200" baseline="0" dirty="0">
                <a:solidFill>
                  <a:srgbClr val="FFFFFF">
                    <a:alpha val="65000"/>
                  </a:srgb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Click to edit subhead </a:t>
            </a:r>
          </a:p>
        </p:txBody>
      </p:sp>
    </p:spTree>
    <p:extLst>
      <p:ext uri="{BB962C8B-B14F-4D97-AF65-F5344CB8AC3E}">
        <p14:creationId xmlns:p14="http://schemas.microsoft.com/office/powerpoint/2010/main" val="31753909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-Metal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3B5C9784-2847-A84E-B628-93C55A0191A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20" name="Graphic 19">
            <a:extLst>
              <a:ext uri="{FF2B5EF4-FFF2-40B4-BE49-F238E27FC236}">
                <a16:creationId xmlns:a16="http://schemas.microsoft.com/office/drawing/2014/main" id="{391D9528-569E-7849-8D10-D54259BD84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9E50D6FC-1F6E-2B48-B2B1-A439F46FFCC3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FFFFFF">
                  <a:alpha val="6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B3FF914-F2B0-A546-AC24-F389EB3E9AC7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218654E8-D984-C145-AA2B-04319C378AE0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AE3BC4B2-4BF2-C742-B178-89AE0F88044D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1" name="Text Placeholder 14">
            <a:extLst>
              <a:ext uri="{FF2B5EF4-FFF2-40B4-BE49-F238E27FC236}">
                <a16:creationId xmlns:a16="http://schemas.microsoft.com/office/drawing/2014/main" id="{088E74F3-C5C0-1548-AF49-F275D9F924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2774776"/>
            <a:ext cx="2827253" cy="279347"/>
          </a:xfrm>
        </p:spPr>
        <p:txBody>
          <a:bodyPr lIns="0" tIns="0" rIns="0" bIns="0" anchor="b" anchorCtr="0">
            <a:noAutofit/>
          </a:bodyPr>
          <a:lstStyle>
            <a:lvl1pPr marL="0" indent="0">
              <a:buFontTx/>
              <a:buNone/>
              <a:defRPr lang="en-US" sz="1050" b="1" i="0" u="none" kern="1000" cap="all" spc="300" dirty="0" smtClean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6DCE1D79-A282-F840-891F-8285333FED8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161891"/>
            <a:ext cx="10783823" cy="655575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>
              <a:defRPr lang="en-US" sz="4200" b="1" i="0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Headlin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C9B76EEC-DBE1-7F49-A06A-144A0BA59ED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9600" y="4525454"/>
            <a:ext cx="10783823" cy="4619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700" b="0" i="0" kern="1200" baseline="0" dirty="0">
                <a:solidFill>
                  <a:srgbClr val="FFFFFF">
                    <a:alpha val="65000"/>
                  </a:srgb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Click to edit subhead </a:t>
            </a:r>
          </a:p>
        </p:txBody>
      </p:sp>
    </p:spTree>
    <p:extLst>
      <p:ext uri="{BB962C8B-B14F-4D97-AF65-F5344CB8AC3E}">
        <p14:creationId xmlns:p14="http://schemas.microsoft.com/office/powerpoint/2010/main" val="365655385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-Garnet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3B5C9784-2847-A84E-B628-93C55A0191A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20" name="Graphic 19">
            <a:extLst>
              <a:ext uri="{FF2B5EF4-FFF2-40B4-BE49-F238E27FC236}">
                <a16:creationId xmlns:a16="http://schemas.microsoft.com/office/drawing/2014/main" id="{391D9528-569E-7849-8D10-D54259BD84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9E50D6FC-1F6E-2B48-B2B1-A439F46FFCC3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FFFFFF">
                  <a:alpha val="6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B3FF914-F2B0-A546-AC24-F389EB3E9AC7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218654E8-D984-C145-AA2B-04319C378AE0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AE3BC4B2-4BF2-C742-B178-89AE0F88044D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1" name="Text Placeholder 14">
            <a:extLst>
              <a:ext uri="{FF2B5EF4-FFF2-40B4-BE49-F238E27FC236}">
                <a16:creationId xmlns:a16="http://schemas.microsoft.com/office/drawing/2014/main" id="{088E74F3-C5C0-1548-AF49-F275D9F924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2774776"/>
            <a:ext cx="2827253" cy="279347"/>
          </a:xfrm>
        </p:spPr>
        <p:txBody>
          <a:bodyPr lIns="0" tIns="0" rIns="0" bIns="0" anchor="b" anchorCtr="0">
            <a:noAutofit/>
          </a:bodyPr>
          <a:lstStyle>
            <a:lvl1pPr marL="0" indent="0">
              <a:buFontTx/>
              <a:buNone/>
              <a:defRPr lang="en-US" sz="1050" b="1" i="0" u="none" kern="1000" cap="all" spc="300" dirty="0" smtClean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6DCE1D79-A282-F840-891F-8285333FED8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161891"/>
            <a:ext cx="10783823" cy="655575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>
              <a:defRPr lang="en-US" sz="4200" b="1" i="0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Headlin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C9B76EEC-DBE1-7F49-A06A-144A0BA59ED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9600" y="4525454"/>
            <a:ext cx="10783823" cy="4619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1700" b="0" i="0" kern="1200" baseline="0" dirty="0">
                <a:solidFill>
                  <a:srgbClr val="FFFFFF">
                    <a:alpha val="65000"/>
                  </a:srgb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Click to edit subhead </a:t>
            </a:r>
          </a:p>
        </p:txBody>
      </p:sp>
    </p:spTree>
    <p:extLst>
      <p:ext uri="{BB962C8B-B14F-4D97-AF65-F5344CB8AC3E}">
        <p14:creationId xmlns:p14="http://schemas.microsoft.com/office/powerpoint/2010/main" val="220768082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rporate Logo and Tag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422076AA-DBFF-B14D-A23F-37843079E7C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 bwMode="ltGray">
          <a:xfrm>
            <a:off x="0" y="0"/>
            <a:ext cx="12192000" cy="6858000"/>
          </a:xfrm>
          <a:prstGeom prst="rect">
            <a:avLst/>
          </a:prstGeom>
        </p:spPr>
      </p:pic>
      <p:grpSp>
        <p:nvGrpSpPr>
          <p:cNvPr id="56" name="Group 55">
            <a:extLst>
              <a:ext uri="{FF2B5EF4-FFF2-40B4-BE49-F238E27FC236}">
                <a16:creationId xmlns:a16="http://schemas.microsoft.com/office/drawing/2014/main" id="{3EBB7BC5-C398-2647-94F7-40B9D8B80B51}"/>
              </a:ext>
            </a:extLst>
          </p:cNvPr>
          <p:cNvGrpSpPr/>
          <p:nvPr userDrawn="1"/>
        </p:nvGrpSpPr>
        <p:grpSpPr bwMode="gray">
          <a:xfrm>
            <a:off x="3101195" y="2853396"/>
            <a:ext cx="5980887" cy="1046133"/>
            <a:chOff x="1318196" y="668674"/>
            <a:chExt cx="9130255" cy="1596997"/>
          </a:xfrm>
        </p:grpSpPr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4CCA1E44-681D-5647-940E-1943C80972E3}"/>
                </a:ext>
              </a:extLst>
            </p:cNvPr>
            <p:cNvSpPr/>
            <p:nvPr/>
          </p:nvSpPr>
          <p:spPr bwMode="gray">
            <a:xfrm>
              <a:off x="2734726" y="668674"/>
              <a:ext cx="993476" cy="953909"/>
            </a:xfrm>
            <a:custGeom>
              <a:avLst/>
              <a:gdLst>
                <a:gd name="connsiteX0" fmla="*/ 993477 w 993476"/>
                <a:gd name="connsiteY0" fmla="*/ 953910 h 953909"/>
                <a:gd name="connsiteX1" fmla="*/ 816073 w 993476"/>
                <a:gd name="connsiteY1" fmla="*/ 953910 h 953909"/>
                <a:gd name="connsiteX2" fmla="*/ 730101 w 993476"/>
                <a:gd name="connsiteY2" fmla="*/ 739654 h 953909"/>
                <a:gd name="connsiteX3" fmla="*/ 264738 w 993476"/>
                <a:gd name="connsiteY3" fmla="*/ 739654 h 953909"/>
                <a:gd name="connsiteX4" fmla="*/ 178784 w 993476"/>
                <a:gd name="connsiteY4" fmla="*/ 953910 h 953909"/>
                <a:gd name="connsiteX5" fmla="*/ 0 w 993476"/>
                <a:gd name="connsiteY5" fmla="*/ 953910 h 953909"/>
                <a:gd name="connsiteX6" fmla="*/ 382105 w 993476"/>
                <a:gd name="connsiteY6" fmla="*/ 0 h 953909"/>
                <a:gd name="connsiteX7" fmla="*/ 612734 w 993476"/>
                <a:gd name="connsiteY7" fmla="*/ 0 h 953909"/>
                <a:gd name="connsiteX8" fmla="*/ 665959 w 993476"/>
                <a:gd name="connsiteY8" fmla="*/ 579977 h 953909"/>
                <a:gd name="connsiteX9" fmla="*/ 496738 w 993476"/>
                <a:gd name="connsiteY9" fmla="*/ 158296 h 953909"/>
                <a:gd name="connsiteX10" fmla="*/ 328889 w 993476"/>
                <a:gd name="connsiteY10" fmla="*/ 579977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93476" h="953909">
                  <a:moveTo>
                    <a:pt x="993477" y="953910"/>
                  </a:moveTo>
                  <a:lnTo>
                    <a:pt x="816073" y="953910"/>
                  </a:lnTo>
                  <a:lnTo>
                    <a:pt x="730101" y="739654"/>
                  </a:lnTo>
                  <a:lnTo>
                    <a:pt x="264738" y="739654"/>
                  </a:lnTo>
                  <a:lnTo>
                    <a:pt x="178784" y="953910"/>
                  </a:lnTo>
                  <a:lnTo>
                    <a:pt x="0" y="953910"/>
                  </a:lnTo>
                  <a:lnTo>
                    <a:pt x="382105" y="0"/>
                  </a:lnTo>
                  <a:lnTo>
                    <a:pt x="612734" y="0"/>
                  </a:lnTo>
                  <a:close/>
                  <a:moveTo>
                    <a:pt x="665959" y="579977"/>
                  </a:moveTo>
                  <a:lnTo>
                    <a:pt x="496738" y="158296"/>
                  </a:lnTo>
                  <a:lnTo>
                    <a:pt x="328889" y="579977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4F972528-D6F2-4348-A75E-FCE9EA5A55F7}"/>
                </a:ext>
              </a:extLst>
            </p:cNvPr>
            <p:cNvSpPr/>
            <p:nvPr/>
          </p:nvSpPr>
          <p:spPr bwMode="gray">
            <a:xfrm>
              <a:off x="4047452" y="668674"/>
              <a:ext cx="867937" cy="953909"/>
            </a:xfrm>
            <a:custGeom>
              <a:avLst/>
              <a:gdLst>
                <a:gd name="connsiteX0" fmla="*/ 867937 w 867937"/>
                <a:gd name="connsiteY0" fmla="*/ 953910 h 953909"/>
                <a:gd name="connsiteX1" fmla="*/ 739626 w 867937"/>
                <a:gd name="connsiteY1" fmla="*/ 953910 h 953909"/>
                <a:gd name="connsiteX2" fmla="*/ 176013 w 867937"/>
                <a:gd name="connsiteY2" fmla="*/ 298856 h 953909"/>
                <a:gd name="connsiteX3" fmla="*/ 176013 w 867937"/>
                <a:gd name="connsiteY3" fmla="*/ 953910 h 953909"/>
                <a:gd name="connsiteX4" fmla="*/ 0 w 867937"/>
                <a:gd name="connsiteY4" fmla="*/ 953910 h 953909"/>
                <a:gd name="connsiteX5" fmla="*/ 0 w 867937"/>
                <a:gd name="connsiteY5" fmla="*/ 0 h 953909"/>
                <a:gd name="connsiteX6" fmla="*/ 128283 w 867937"/>
                <a:gd name="connsiteY6" fmla="*/ 0 h 953909"/>
                <a:gd name="connsiteX7" fmla="*/ 691896 w 867937"/>
                <a:gd name="connsiteY7" fmla="*/ 653672 h 953909"/>
                <a:gd name="connsiteX8" fmla="*/ 691896 w 867937"/>
                <a:gd name="connsiteY8" fmla="*/ 0 h 953909"/>
                <a:gd name="connsiteX9" fmla="*/ 867937 w 867937"/>
                <a:gd name="connsiteY9" fmla="*/ 0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7937" h="953909">
                  <a:moveTo>
                    <a:pt x="867937" y="953910"/>
                  </a:moveTo>
                  <a:lnTo>
                    <a:pt x="739626" y="953910"/>
                  </a:lnTo>
                  <a:lnTo>
                    <a:pt x="176013" y="298856"/>
                  </a:lnTo>
                  <a:lnTo>
                    <a:pt x="176013" y="953910"/>
                  </a:lnTo>
                  <a:lnTo>
                    <a:pt x="0" y="953910"/>
                  </a:lnTo>
                  <a:lnTo>
                    <a:pt x="0" y="0"/>
                  </a:lnTo>
                  <a:lnTo>
                    <a:pt x="128283" y="0"/>
                  </a:lnTo>
                  <a:lnTo>
                    <a:pt x="691896" y="653672"/>
                  </a:lnTo>
                  <a:lnTo>
                    <a:pt x="691896" y="0"/>
                  </a:lnTo>
                  <a:lnTo>
                    <a:pt x="867937" y="0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E3832E95-78EE-4C43-B7AC-2A930EFC7845}"/>
                </a:ext>
              </a:extLst>
            </p:cNvPr>
            <p:cNvSpPr/>
            <p:nvPr/>
          </p:nvSpPr>
          <p:spPr bwMode="gray">
            <a:xfrm>
              <a:off x="5351015" y="668674"/>
              <a:ext cx="880214" cy="953909"/>
            </a:xfrm>
            <a:custGeom>
              <a:avLst/>
              <a:gdLst>
                <a:gd name="connsiteX0" fmla="*/ 880215 w 880214"/>
                <a:gd name="connsiteY0" fmla="*/ 476269 h 953909"/>
                <a:gd name="connsiteX1" fmla="*/ 410766 w 880214"/>
                <a:gd name="connsiteY1" fmla="*/ 953910 h 953909"/>
                <a:gd name="connsiteX2" fmla="*/ 0 w 880214"/>
                <a:gd name="connsiteY2" fmla="*/ 953910 h 953909"/>
                <a:gd name="connsiteX3" fmla="*/ 0 w 880214"/>
                <a:gd name="connsiteY3" fmla="*/ 0 h 953909"/>
                <a:gd name="connsiteX4" fmla="*/ 410766 w 880214"/>
                <a:gd name="connsiteY4" fmla="*/ 0 h 953909"/>
                <a:gd name="connsiteX5" fmla="*/ 880215 w 880214"/>
                <a:gd name="connsiteY5" fmla="*/ 476269 h 953909"/>
                <a:gd name="connsiteX6" fmla="*/ 705535 w 880214"/>
                <a:gd name="connsiteY6" fmla="*/ 476269 h 953909"/>
                <a:gd name="connsiteX7" fmla="*/ 405308 w 880214"/>
                <a:gd name="connsiteY7" fmla="*/ 169221 h 953909"/>
                <a:gd name="connsiteX8" fmla="*/ 176041 w 880214"/>
                <a:gd name="connsiteY8" fmla="*/ 169221 h 953909"/>
                <a:gd name="connsiteX9" fmla="*/ 176041 w 880214"/>
                <a:gd name="connsiteY9" fmla="*/ 783317 h 953909"/>
                <a:gd name="connsiteX10" fmla="*/ 405308 w 880214"/>
                <a:gd name="connsiteY10" fmla="*/ 783317 h 953909"/>
                <a:gd name="connsiteX11" fmla="*/ 705535 w 880214"/>
                <a:gd name="connsiteY11" fmla="*/ 476269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80214" h="953909">
                  <a:moveTo>
                    <a:pt x="880215" y="476269"/>
                  </a:moveTo>
                  <a:cubicBezTo>
                    <a:pt x="880215" y="739654"/>
                    <a:pt x="670055" y="953910"/>
                    <a:pt x="410766" y="953910"/>
                  </a:cubicBezTo>
                  <a:lnTo>
                    <a:pt x="0" y="953910"/>
                  </a:lnTo>
                  <a:lnTo>
                    <a:pt x="0" y="0"/>
                  </a:lnTo>
                  <a:lnTo>
                    <a:pt x="410766" y="0"/>
                  </a:lnTo>
                  <a:cubicBezTo>
                    <a:pt x="670055" y="0"/>
                    <a:pt x="880215" y="212884"/>
                    <a:pt x="880215" y="476269"/>
                  </a:cubicBezTo>
                  <a:close/>
                  <a:moveTo>
                    <a:pt x="705535" y="476269"/>
                  </a:moveTo>
                  <a:cubicBezTo>
                    <a:pt x="705535" y="307048"/>
                    <a:pt x="570433" y="169221"/>
                    <a:pt x="405308" y="169221"/>
                  </a:cubicBezTo>
                  <a:lnTo>
                    <a:pt x="176041" y="169221"/>
                  </a:lnTo>
                  <a:lnTo>
                    <a:pt x="176041" y="783317"/>
                  </a:lnTo>
                  <a:lnTo>
                    <a:pt x="405308" y="783317"/>
                  </a:lnTo>
                  <a:cubicBezTo>
                    <a:pt x="570433" y="783317"/>
                    <a:pt x="705535" y="645490"/>
                    <a:pt x="705535" y="47626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EF9DD3DD-8D49-1B49-A69F-FA6F4859FEBA}"/>
                </a:ext>
              </a:extLst>
            </p:cNvPr>
            <p:cNvSpPr/>
            <p:nvPr/>
          </p:nvSpPr>
          <p:spPr bwMode="gray">
            <a:xfrm>
              <a:off x="6599599" y="668674"/>
              <a:ext cx="176050" cy="953909"/>
            </a:xfrm>
            <a:custGeom>
              <a:avLst/>
              <a:gdLst>
                <a:gd name="connsiteX0" fmla="*/ 0 w 176050"/>
                <a:gd name="connsiteY0" fmla="*/ 953910 h 953909"/>
                <a:gd name="connsiteX1" fmla="*/ 0 w 176050"/>
                <a:gd name="connsiteY1" fmla="*/ 0 h 953909"/>
                <a:gd name="connsiteX2" fmla="*/ 176051 w 176050"/>
                <a:gd name="connsiteY2" fmla="*/ 0 h 953909"/>
                <a:gd name="connsiteX3" fmla="*/ 176051 w 176050"/>
                <a:gd name="connsiteY3" fmla="*/ 953910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76050" h="953909">
                  <a:moveTo>
                    <a:pt x="0" y="953910"/>
                  </a:moveTo>
                  <a:lnTo>
                    <a:pt x="0" y="0"/>
                  </a:lnTo>
                  <a:lnTo>
                    <a:pt x="176051" y="0"/>
                  </a:lnTo>
                  <a:lnTo>
                    <a:pt x="176051" y="953910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5" name="Freeform 24">
              <a:extLst>
                <a:ext uri="{FF2B5EF4-FFF2-40B4-BE49-F238E27FC236}">
                  <a16:creationId xmlns:a16="http://schemas.microsoft.com/office/drawing/2014/main" id="{0D1470EF-8AFD-E347-BF32-0B1AD358E391}"/>
                </a:ext>
              </a:extLst>
            </p:cNvPr>
            <p:cNvSpPr/>
            <p:nvPr/>
          </p:nvSpPr>
          <p:spPr bwMode="gray">
            <a:xfrm>
              <a:off x="7091051" y="668674"/>
              <a:ext cx="993476" cy="953909"/>
            </a:xfrm>
            <a:custGeom>
              <a:avLst/>
              <a:gdLst>
                <a:gd name="connsiteX0" fmla="*/ 993477 w 993476"/>
                <a:gd name="connsiteY0" fmla="*/ 953910 h 953909"/>
                <a:gd name="connsiteX1" fmla="*/ 816073 w 993476"/>
                <a:gd name="connsiteY1" fmla="*/ 953910 h 953909"/>
                <a:gd name="connsiteX2" fmla="*/ 730101 w 993476"/>
                <a:gd name="connsiteY2" fmla="*/ 739654 h 953909"/>
                <a:gd name="connsiteX3" fmla="*/ 264747 w 993476"/>
                <a:gd name="connsiteY3" fmla="*/ 739654 h 953909"/>
                <a:gd name="connsiteX4" fmla="*/ 178775 w 993476"/>
                <a:gd name="connsiteY4" fmla="*/ 953910 h 953909"/>
                <a:gd name="connsiteX5" fmla="*/ 0 w 993476"/>
                <a:gd name="connsiteY5" fmla="*/ 953910 h 953909"/>
                <a:gd name="connsiteX6" fmla="*/ 382077 w 993476"/>
                <a:gd name="connsiteY6" fmla="*/ 0 h 953909"/>
                <a:gd name="connsiteX7" fmla="*/ 612705 w 993476"/>
                <a:gd name="connsiteY7" fmla="*/ 0 h 953909"/>
                <a:gd name="connsiteX8" fmla="*/ 665922 w 993476"/>
                <a:gd name="connsiteY8" fmla="*/ 579977 h 953909"/>
                <a:gd name="connsiteX9" fmla="*/ 496701 w 993476"/>
                <a:gd name="connsiteY9" fmla="*/ 158296 h 953909"/>
                <a:gd name="connsiteX10" fmla="*/ 328851 w 993476"/>
                <a:gd name="connsiteY10" fmla="*/ 579977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93476" h="953909">
                  <a:moveTo>
                    <a:pt x="993477" y="953910"/>
                  </a:moveTo>
                  <a:lnTo>
                    <a:pt x="816073" y="953910"/>
                  </a:lnTo>
                  <a:lnTo>
                    <a:pt x="730101" y="739654"/>
                  </a:lnTo>
                  <a:lnTo>
                    <a:pt x="264747" y="739654"/>
                  </a:lnTo>
                  <a:lnTo>
                    <a:pt x="178775" y="953910"/>
                  </a:lnTo>
                  <a:lnTo>
                    <a:pt x="0" y="953910"/>
                  </a:lnTo>
                  <a:lnTo>
                    <a:pt x="382077" y="0"/>
                  </a:lnTo>
                  <a:lnTo>
                    <a:pt x="612705" y="0"/>
                  </a:lnTo>
                  <a:close/>
                  <a:moveTo>
                    <a:pt x="665922" y="579977"/>
                  </a:moveTo>
                  <a:lnTo>
                    <a:pt x="496701" y="158296"/>
                  </a:lnTo>
                  <a:lnTo>
                    <a:pt x="328851" y="579977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" name="Freeform 25">
              <a:extLst>
                <a:ext uri="{FF2B5EF4-FFF2-40B4-BE49-F238E27FC236}">
                  <a16:creationId xmlns:a16="http://schemas.microsoft.com/office/drawing/2014/main" id="{BB657306-3DE1-B54E-A12D-87A20B40D60B}"/>
                </a:ext>
              </a:extLst>
            </p:cNvPr>
            <p:cNvSpPr/>
            <p:nvPr/>
          </p:nvSpPr>
          <p:spPr bwMode="gray">
            <a:xfrm>
              <a:off x="8404996" y="668674"/>
              <a:ext cx="867937" cy="953909"/>
            </a:xfrm>
            <a:custGeom>
              <a:avLst/>
              <a:gdLst>
                <a:gd name="connsiteX0" fmla="*/ 867937 w 867937"/>
                <a:gd name="connsiteY0" fmla="*/ 953910 h 953909"/>
                <a:gd name="connsiteX1" fmla="*/ 739654 w 867937"/>
                <a:gd name="connsiteY1" fmla="*/ 953910 h 953909"/>
                <a:gd name="connsiteX2" fmla="*/ 176041 w 867937"/>
                <a:gd name="connsiteY2" fmla="*/ 298856 h 953909"/>
                <a:gd name="connsiteX3" fmla="*/ 176041 w 867937"/>
                <a:gd name="connsiteY3" fmla="*/ 953910 h 953909"/>
                <a:gd name="connsiteX4" fmla="*/ 0 w 867937"/>
                <a:gd name="connsiteY4" fmla="*/ 953910 h 953909"/>
                <a:gd name="connsiteX5" fmla="*/ 0 w 867937"/>
                <a:gd name="connsiteY5" fmla="*/ 0 h 953909"/>
                <a:gd name="connsiteX6" fmla="*/ 128264 w 867937"/>
                <a:gd name="connsiteY6" fmla="*/ 0 h 953909"/>
                <a:gd name="connsiteX7" fmla="*/ 691867 w 867937"/>
                <a:gd name="connsiteY7" fmla="*/ 653672 h 953909"/>
                <a:gd name="connsiteX8" fmla="*/ 691867 w 867937"/>
                <a:gd name="connsiteY8" fmla="*/ 0 h 953909"/>
                <a:gd name="connsiteX9" fmla="*/ 867918 w 867937"/>
                <a:gd name="connsiteY9" fmla="*/ 0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7937" h="953909">
                  <a:moveTo>
                    <a:pt x="867937" y="953910"/>
                  </a:moveTo>
                  <a:lnTo>
                    <a:pt x="739654" y="953910"/>
                  </a:lnTo>
                  <a:lnTo>
                    <a:pt x="176041" y="298856"/>
                  </a:lnTo>
                  <a:lnTo>
                    <a:pt x="176041" y="953910"/>
                  </a:lnTo>
                  <a:lnTo>
                    <a:pt x="0" y="953910"/>
                  </a:lnTo>
                  <a:lnTo>
                    <a:pt x="0" y="0"/>
                  </a:lnTo>
                  <a:lnTo>
                    <a:pt x="128264" y="0"/>
                  </a:lnTo>
                  <a:lnTo>
                    <a:pt x="691867" y="653672"/>
                  </a:lnTo>
                  <a:lnTo>
                    <a:pt x="691867" y="0"/>
                  </a:lnTo>
                  <a:lnTo>
                    <a:pt x="867918" y="0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Freeform 26">
              <a:extLst>
                <a:ext uri="{FF2B5EF4-FFF2-40B4-BE49-F238E27FC236}">
                  <a16:creationId xmlns:a16="http://schemas.microsoft.com/office/drawing/2014/main" id="{9B3E12DB-98D2-2149-9163-EE0973E150BB}"/>
                </a:ext>
              </a:extLst>
            </p:cNvPr>
            <p:cNvSpPr/>
            <p:nvPr/>
          </p:nvSpPr>
          <p:spPr bwMode="gray">
            <a:xfrm>
              <a:off x="2237845" y="1016470"/>
              <a:ext cx="176412" cy="606113"/>
            </a:xfrm>
            <a:custGeom>
              <a:avLst/>
              <a:gdLst>
                <a:gd name="connsiteX0" fmla="*/ 176412 w 176412"/>
                <a:gd name="connsiteY0" fmla="*/ 0 h 606113"/>
                <a:gd name="connsiteX1" fmla="*/ 0 w 176412"/>
                <a:gd name="connsiteY1" fmla="*/ 176146 h 606113"/>
                <a:gd name="connsiteX2" fmla="*/ 0 w 176412"/>
                <a:gd name="connsiteY2" fmla="*/ 176279 h 606113"/>
                <a:gd name="connsiteX3" fmla="*/ 0 w 176412"/>
                <a:gd name="connsiteY3" fmla="*/ 606114 h 606113"/>
                <a:gd name="connsiteX4" fmla="*/ 176412 w 176412"/>
                <a:gd name="connsiteY4" fmla="*/ 606114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12" y="0"/>
                  </a:moveTo>
                  <a:cubicBezTo>
                    <a:pt x="79057" y="-76"/>
                    <a:pt x="76" y="78791"/>
                    <a:pt x="0" y="176146"/>
                  </a:cubicBezTo>
                  <a:cubicBezTo>
                    <a:pt x="0" y="176194"/>
                    <a:pt x="0" y="176232"/>
                    <a:pt x="0" y="176279"/>
                  </a:cubicBezTo>
                  <a:lnTo>
                    <a:pt x="0" y="606114"/>
                  </a:lnTo>
                  <a:lnTo>
                    <a:pt x="176412" y="606114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A5871B9C-F538-CA44-B4D6-F57879CCC6A6}"/>
                </a:ext>
              </a:extLst>
            </p:cNvPr>
            <p:cNvSpPr/>
            <p:nvPr/>
          </p:nvSpPr>
          <p:spPr bwMode="gray">
            <a:xfrm>
              <a:off x="9573904" y="668674"/>
              <a:ext cx="874547" cy="957491"/>
            </a:xfrm>
            <a:custGeom>
              <a:avLst/>
              <a:gdLst>
                <a:gd name="connsiteX0" fmla="*/ 843401 w 874547"/>
                <a:gd name="connsiteY0" fmla="*/ 0 h 957491"/>
                <a:gd name="connsiteX1" fmla="*/ 151886 w 874547"/>
                <a:gd name="connsiteY1" fmla="*/ 0 h 957491"/>
                <a:gd name="connsiteX2" fmla="*/ 3296 w 874547"/>
                <a:gd name="connsiteY2" fmla="*/ 162354 h 957491"/>
                <a:gd name="connsiteX3" fmla="*/ 0 w 874547"/>
                <a:gd name="connsiteY3" fmla="*/ 163763 h 957491"/>
                <a:gd name="connsiteX4" fmla="*/ 330480 w 874547"/>
                <a:gd name="connsiteY4" fmla="*/ 163763 h 957491"/>
                <a:gd name="connsiteX5" fmla="*/ 330480 w 874547"/>
                <a:gd name="connsiteY5" fmla="*/ 957491 h 957491"/>
                <a:gd name="connsiteX6" fmla="*/ 506025 w 874547"/>
                <a:gd name="connsiteY6" fmla="*/ 954872 h 957491"/>
                <a:gd name="connsiteX7" fmla="*/ 506025 w 874547"/>
                <a:gd name="connsiteY7" fmla="*/ 953919 h 957491"/>
                <a:gd name="connsiteX8" fmla="*/ 508978 w 874547"/>
                <a:gd name="connsiteY8" fmla="*/ 953919 h 957491"/>
                <a:gd name="connsiteX9" fmla="*/ 508978 w 874547"/>
                <a:gd name="connsiteY9" fmla="*/ 163763 h 957491"/>
                <a:gd name="connsiteX10" fmla="*/ 589179 w 874547"/>
                <a:gd name="connsiteY10" fmla="*/ 163763 h 957491"/>
                <a:gd name="connsiteX11" fmla="*/ 589273 w 874547"/>
                <a:gd name="connsiteY11" fmla="*/ 163763 h 957491"/>
                <a:gd name="connsiteX12" fmla="*/ 730244 w 874547"/>
                <a:gd name="connsiteY12" fmla="*/ 163763 h 957491"/>
                <a:gd name="connsiteX13" fmla="*/ 874548 w 874547"/>
                <a:gd name="connsiteY13" fmla="*/ 38 h 9574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874547" h="957491">
                  <a:moveTo>
                    <a:pt x="843401" y="0"/>
                  </a:moveTo>
                  <a:lnTo>
                    <a:pt x="151886" y="0"/>
                  </a:lnTo>
                  <a:cubicBezTo>
                    <a:pt x="70218" y="0"/>
                    <a:pt x="3982" y="72571"/>
                    <a:pt x="3296" y="162354"/>
                  </a:cubicBezTo>
                  <a:lnTo>
                    <a:pt x="0" y="163763"/>
                  </a:lnTo>
                  <a:lnTo>
                    <a:pt x="330480" y="163763"/>
                  </a:lnTo>
                  <a:lnTo>
                    <a:pt x="330480" y="957491"/>
                  </a:lnTo>
                  <a:cubicBezTo>
                    <a:pt x="390297" y="956072"/>
                    <a:pt x="446875" y="959549"/>
                    <a:pt x="506025" y="954872"/>
                  </a:cubicBezTo>
                  <a:lnTo>
                    <a:pt x="506025" y="953919"/>
                  </a:lnTo>
                  <a:lnTo>
                    <a:pt x="508978" y="953919"/>
                  </a:lnTo>
                  <a:lnTo>
                    <a:pt x="508978" y="163763"/>
                  </a:lnTo>
                  <a:lnTo>
                    <a:pt x="589179" y="163763"/>
                  </a:lnTo>
                  <a:lnTo>
                    <a:pt x="589273" y="163763"/>
                  </a:lnTo>
                  <a:lnTo>
                    <a:pt x="730244" y="163763"/>
                  </a:lnTo>
                  <a:cubicBezTo>
                    <a:pt x="810349" y="161106"/>
                    <a:pt x="874548" y="88916"/>
                    <a:pt x="874548" y="38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FE9D9850-EFFA-0E42-A22A-5F0429DFCEBD}"/>
                </a:ext>
              </a:extLst>
            </p:cNvPr>
            <p:cNvSpPr/>
            <p:nvPr/>
          </p:nvSpPr>
          <p:spPr bwMode="gray">
            <a:xfrm>
              <a:off x="1318196" y="668674"/>
              <a:ext cx="1096060" cy="953900"/>
            </a:xfrm>
            <a:custGeom>
              <a:avLst/>
              <a:gdLst>
                <a:gd name="connsiteX0" fmla="*/ 1096061 w 1096060"/>
                <a:gd name="connsiteY0" fmla="*/ 210655 h 953900"/>
                <a:gd name="connsiteX1" fmla="*/ 1093203 w 1096060"/>
                <a:gd name="connsiteY1" fmla="*/ 210293 h 953900"/>
                <a:gd name="connsiteX2" fmla="*/ 1012308 w 1096060"/>
                <a:gd name="connsiteY2" fmla="*/ 222180 h 953900"/>
                <a:gd name="connsiteX3" fmla="*/ 916638 w 1096060"/>
                <a:gd name="connsiteY3" fmla="*/ 294065 h 953900"/>
                <a:gd name="connsiteX4" fmla="*/ 915229 w 1096060"/>
                <a:gd name="connsiteY4" fmla="*/ 295456 h 953900"/>
                <a:gd name="connsiteX5" fmla="*/ 855821 w 1096060"/>
                <a:gd name="connsiteY5" fmla="*/ 364446 h 953900"/>
                <a:gd name="connsiteX6" fmla="*/ 582921 w 1096060"/>
                <a:gd name="connsiteY6" fmla="*/ 739654 h 953900"/>
                <a:gd name="connsiteX7" fmla="*/ 478831 w 1096060"/>
                <a:gd name="connsiteY7" fmla="*/ 739654 h 953900"/>
                <a:gd name="connsiteX8" fmla="*/ 179070 w 1096060"/>
                <a:gd name="connsiteY8" fmla="*/ 327517 h 953900"/>
                <a:gd name="connsiteX9" fmla="*/ 179070 w 1096060"/>
                <a:gd name="connsiteY9" fmla="*/ 953900 h 953900"/>
                <a:gd name="connsiteX10" fmla="*/ 0 w 1096060"/>
                <a:gd name="connsiteY10" fmla="*/ 953900 h 953900"/>
                <a:gd name="connsiteX11" fmla="*/ 0 w 1096060"/>
                <a:gd name="connsiteY11" fmla="*/ 0 h 953900"/>
                <a:gd name="connsiteX12" fmla="*/ 140170 w 1096060"/>
                <a:gd name="connsiteY12" fmla="*/ 0 h 953900"/>
                <a:gd name="connsiteX13" fmla="*/ 530133 w 1096060"/>
                <a:gd name="connsiteY13" fmla="*/ 537686 h 953900"/>
                <a:gd name="connsiteX14" fmla="*/ 921496 w 1096060"/>
                <a:gd name="connsiteY14" fmla="*/ 0 h 953900"/>
                <a:gd name="connsiteX15" fmla="*/ 1096013 w 1096060"/>
                <a:gd name="connsiteY15" fmla="*/ 0 h 953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0">
                  <a:moveTo>
                    <a:pt x="1096061" y="210655"/>
                  </a:moveTo>
                  <a:lnTo>
                    <a:pt x="1093203" y="210293"/>
                  </a:lnTo>
                  <a:cubicBezTo>
                    <a:pt x="1065657" y="206540"/>
                    <a:pt x="1037606" y="210664"/>
                    <a:pt x="1012308" y="222180"/>
                  </a:cubicBezTo>
                  <a:cubicBezTo>
                    <a:pt x="976665" y="240697"/>
                    <a:pt x="944337" y="264986"/>
                    <a:pt x="916638" y="294065"/>
                  </a:cubicBezTo>
                  <a:lnTo>
                    <a:pt x="915229" y="295456"/>
                  </a:lnTo>
                  <a:cubicBezTo>
                    <a:pt x="893578" y="316792"/>
                    <a:pt x="873709" y="339871"/>
                    <a:pt x="855821" y="364446"/>
                  </a:cubicBezTo>
                  <a:lnTo>
                    <a:pt x="582921" y="739654"/>
                  </a:lnTo>
                  <a:lnTo>
                    <a:pt x="478831" y="739654"/>
                  </a:lnTo>
                  <a:lnTo>
                    <a:pt x="179070" y="327517"/>
                  </a:lnTo>
                  <a:lnTo>
                    <a:pt x="179070" y="953900"/>
                  </a:lnTo>
                  <a:lnTo>
                    <a:pt x="0" y="953900"/>
                  </a:lnTo>
                  <a:lnTo>
                    <a:pt x="0" y="0"/>
                  </a:lnTo>
                  <a:lnTo>
                    <a:pt x="140170" y="0"/>
                  </a:lnTo>
                  <a:lnTo>
                    <a:pt x="530133" y="537686"/>
                  </a:lnTo>
                  <a:lnTo>
                    <a:pt x="921496" y="0"/>
                  </a:lnTo>
                  <a:lnTo>
                    <a:pt x="1096013" y="0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E0D952BD-954E-BB47-BD91-95BFBECFC1F1}"/>
                </a:ext>
              </a:extLst>
            </p:cNvPr>
            <p:cNvSpPr/>
            <p:nvPr/>
          </p:nvSpPr>
          <p:spPr bwMode="gray">
            <a:xfrm>
              <a:off x="2732866" y="2005961"/>
              <a:ext cx="189620" cy="256065"/>
            </a:xfrm>
            <a:custGeom>
              <a:avLst/>
              <a:gdLst>
                <a:gd name="connsiteX0" fmla="*/ 76936 w 189620"/>
                <a:gd name="connsiteY0" fmla="*/ 252359 h 256065"/>
                <a:gd name="connsiteX1" fmla="*/ 76936 w 189620"/>
                <a:gd name="connsiteY1" fmla="*/ 149441 h 256065"/>
                <a:gd name="connsiteX2" fmla="*/ 76564 w 189620"/>
                <a:gd name="connsiteY2" fmla="*/ 147612 h 256065"/>
                <a:gd name="connsiteX3" fmla="*/ 364 w 189620"/>
                <a:gd name="connsiteY3" fmla="*/ 4423 h 256065"/>
                <a:gd name="connsiteX4" fmla="*/ 2 w 189620"/>
                <a:gd name="connsiteY4" fmla="*/ 2585 h 256065"/>
                <a:gd name="connsiteX5" fmla="*/ 2926 w 189620"/>
                <a:gd name="connsiteY5" fmla="*/ 23 h 256065"/>
                <a:gd name="connsiteX6" fmla="*/ 33006 w 189620"/>
                <a:gd name="connsiteY6" fmla="*/ 23 h 256065"/>
                <a:gd name="connsiteX7" fmla="*/ 37407 w 189620"/>
                <a:gd name="connsiteY7" fmla="*/ 2585 h 256065"/>
                <a:gd name="connsiteX8" fmla="*/ 93442 w 189620"/>
                <a:gd name="connsiteY8" fmla="*/ 109894 h 256065"/>
                <a:gd name="connsiteX9" fmla="*/ 94976 w 189620"/>
                <a:gd name="connsiteY9" fmla="*/ 110551 h 256065"/>
                <a:gd name="connsiteX10" fmla="*/ 95633 w 189620"/>
                <a:gd name="connsiteY10" fmla="*/ 109894 h 256065"/>
                <a:gd name="connsiteX11" fmla="*/ 151669 w 189620"/>
                <a:gd name="connsiteY11" fmla="*/ 2585 h 256065"/>
                <a:gd name="connsiteX12" fmla="*/ 156069 w 189620"/>
                <a:gd name="connsiteY12" fmla="*/ 23 h 256065"/>
                <a:gd name="connsiteX13" fmla="*/ 186463 w 189620"/>
                <a:gd name="connsiteY13" fmla="*/ 23 h 256065"/>
                <a:gd name="connsiteX14" fmla="*/ 189207 w 189620"/>
                <a:gd name="connsiteY14" fmla="*/ 1299 h 256065"/>
                <a:gd name="connsiteX15" fmla="*/ 189026 w 189620"/>
                <a:gd name="connsiteY15" fmla="*/ 4423 h 256065"/>
                <a:gd name="connsiteX16" fmla="*/ 112483 w 189620"/>
                <a:gd name="connsiteY16" fmla="*/ 147612 h 256065"/>
                <a:gd name="connsiteX17" fmla="*/ 112121 w 189620"/>
                <a:gd name="connsiteY17" fmla="*/ 149441 h 256065"/>
                <a:gd name="connsiteX18" fmla="*/ 112121 w 189620"/>
                <a:gd name="connsiteY18" fmla="*/ 252359 h 256065"/>
                <a:gd name="connsiteX19" fmla="*/ 109377 w 189620"/>
                <a:gd name="connsiteY19" fmla="*/ 256026 h 256065"/>
                <a:gd name="connsiteX20" fmla="*/ 108454 w 189620"/>
                <a:gd name="connsiteY20" fmla="*/ 256026 h 256065"/>
                <a:gd name="connsiteX21" fmla="*/ 80631 w 189620"/>
                <a:gd name="connsiteY21" fmla="*/ 256026 h 256065"/>
                <a:gd name="connsiteX22" fmla="*/ 76936 w 189620"/>
                <a:gd name="connsiteY22" fmla="*/ 253340 h 256065"/>
                <a:gd name="connsiteX23" fmla="*/ 76936 w 189620"/>
                <a:gd name="connsiteY23" fmla="*/ 252359 h 2560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9620" h="256065">
                  <a:moveTo>
                    <a:pt x="76936" y="252359"/>
                  </a:moveTo>
                  <a:lnTo>
                    <a:pt x="76936" y="149441"/>
                  </a:lnTo>
                  <a:cubicBezTo>
                    <a:pt x="77012" y="148803"/>
                    <a:pt x="76878" y="148165"/>
                    <a:pt x="76564" y="147612"/>
                  </a:cubicBezTo>
                  <a:lnTo>
                    <a:pt x="364" y="4423"/>
                  </a:lnTo>
                  <a:cubicBezTo>
                    <a:pt x="107" y="3842"/>
                    <a:pt x="-17" y="3214"/>
                    <a:pt x="2" y="2585"/>
                  </a:cubicBezTo>
                  <a:cubicBezTo>
                    <a:pt x="2" y="880"/>
                    <a:pt x="954" y="23"/>
                    <a:pt x="2926" y="23"/>
                  </a:cubicBezTo>
                  <a:lnTo>
                    <a:pt x="33006" y="23"/>
                  </a:lnTo>
                  <a:cubicBezTo>
                    <a:pt x="34873" y="-168"/>
                    <a:pt x="36654" y="861"/>
                    <a:pt x="37407" y="2585"/>
                  </a:cubicBezTo>
                  <a:lnTo>
                    <a:pt x="93442" y="109894"/>
                  </a:lnTo>
                  <a:cubicBezTo>
                    <a:pt x="93690" y="110503"/>
                    <a:pt x="94376" y="110789"/>
                    <a:pt x="94976" y="110551"/>
                  </a:cubicBezTo>
                  <a:cubicBezTo>
                    <a:pt x="95281" y="110427"/>
                    <a:pt x="95509" y="110189"/>
                    <a:pt x="95633" y="109894"/>
                  </a:cubicBezTo>
                  <a:lnTo>
                    <a:pt x="151669" y="2585"/>
                  </a:lnTo>
                  <a:cubicBezTo>
                    <a:pt x="152421" y="861"/>
                    <a:pt x="154202" y="-168"/>
                    <a:pt x="156069" y="23"/>
                  </a:cubicBezTo>
                  <a:lnTo>
                    <a:pt x="186463" y="23"/>
                  </a:lnTo>
                  <a:cubicBezTo>
                    <a:pt x="187540" y="-44"/>
                    <a:pt x="188569" y="432"/>
                    <a:pt x="189207" y="1299"/>
                  </a:cubicBezTo>
                  <a:cubicBezTo>
                    <a:pt x="189816" y="2270"/>
                    <a:pt x="189750" y="3528"/>
                    <a:pt x="189026" y="4423"/>
                  </a:cubicBezTo>
                  <a:lnTo>
                    <a:pt x="112483" y="147612"/>
                  </a:lnTo>
                  <a:cubicBezTo>
                    <a:pt x="112168" y="148165"/>
                    <a:pt x="112035" y="148813"/>
                    <a:pt x="112121" y="149441"/>
                  </a:cubicBezTo>
                  <a:lnTo>
                    <a:pt x="112121" y="252359"/>
                  </a:lnTo>
                  <a:cubicBezTo>
                    <a:pt x="112378" y="254131"/>
                    <a:pt x="111149" y="255769"/>
                    <a:pt x="109377" y="256026"/>
                  </a:cubicBezTo>
                  <a:cubicBezTo>
                    <a:pt x="109073" y="256074"/>
                    <a:pt x="108759" y="256074"/>
                    <a:pt x="108454" y="256026"/>
                  </a:cubicBezTo>
                  <a:lnTo>
                    <a:pt x="80631" y="256026"/>
                  </a:lnTo>
                  <a:cubicBezTo>
                    <a:pt x="78869" y="256302"/>
                    <a:pt x="77221" y="255102"/>
                    <a:pt x="76936" y="253340"/>
                  </a:cubicBezTo>
                  <a:cubicBezTo>
                    <a:pt x="76888" y="253016"/>
                    <a:pt x="76888" y="252683"/>
                    <a:pt x="76936" y="25235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1" name="Freeform 30">
              <a:extLst>
                <a:ext uri="{FF2B5EF4-FFF2-40B4-BE49-F238E27FC236}">
                  <a16:creationId xmlns:a16="http://schemas.microsoft.com/office/drawing/2014/main" id="{7F4C635C-FF91-F147-87C0-89BEAE1091BB}"/>
                </a:ext>
              </a:extLst>
            </p:cNvPr>
            <p:cNvSpPr/>
            <p:nvPr/>
          </p:nvSpPr>
          <p:spPr bwMode="gray">
            <a:xfrm>
              <a:off x="2976783" y="2003053"/>
              <a:ext cx="181320" cy="262618"/>
            </a:xfrm>
            <a:custGeom>
              <a:avLst/>
              <a:gdLst>
                <a:gd name="connsiteX0" fmla="*/ 43236 w 181320"/>
                <a:gd name="connsiteY0" fmla="*/ 251600 h 262618"/>
                <a:gd name="connsiteX1" fmla="*/ 11374 w 181320"/>
                <a:gd name="connsiteY1" fmla="*/ 220692 h 262618"/>
                <a:gd name="connsiteX2" fmla="*/ 21 w 181320"/>
                <a:gd name="connsiteY2" fmla="*/ 174734 h 262618"/>
                <a:gd name="connsiteX3" fmla="*/ 21 w 181320"/>
                <a:gd name="connsiteY3" fmla="*/ 87532 h 262618"/>
                <a:gd name="connsiteX4" fmla="*/ 11374 w 181320"/>
                <a:gd name="connsiteY4" fmla="*/ 41755 h 262618"/>
                <a:gd name="connsiteX5" fmla="*/ 43236 w 181320"/>
                <a:gd name="connsiteY5" fmla="*/ 10980 h 262618"/>
                <a:gd name="connsiteX6" fmla="*/ 138086 w 181320"/>
                <a:gd name="connsiteY6" fmla="*/ 10980 h 262618"/>
                <a:gd name="connsiteX7" fmla="*/ 169956 w 181320"/>
                <a:gd name="connsiteY7" fmla="*/ 41755 h 262618"/>
                <a:gd name="connsiteX8" fmla="*/ 181301 w 181320"/>
                <a:gd name="connsiteY8" fmla="*/ 87532 h 262618"/>
                <a:gd name="connsiteX9" fmla="*/ 181301 w 181320"/>
                <a:gd name="connsiteY9" fmla="*/ 174696 h 262618"/>
                <a:gd name="connsiteX10" fmla="*/ 169956 w 181320"/>
                <a:gd name="connsiteY10" fmla="*/ 220692 h 262618"/>
                <a:gd name="connsiteX11" fmla="*/ 138086 w 181320"/>
                <a:gd name="connsiteY11" fmla="*/ 251639 h 262618"/>
                <a:gd name="connsiteX12" fmla="*/ 43236 w 181320"/>
                <a:gd name="connsiteY12" fmla="*/ 251639 h 262618"/>
                <a:gd name="connsiteX13" fmla="*/ 130761 w 181320"/>
                <a:gd name="connsiteY13" fmla="*/ 216815 h 262618"/>
                <a:gd name="connsiteX14" fmla="*/ 146144 w 181320"/>
                <a:gd name="connsiteY14" fmla="*/ 176153 h 262618"/>
                <a:gd name="connsiteX15" fmla="*/ 146144 w 181320"/>
                <a:gd name="connsiteY15" fmla="*/ 87161 h 262618"/>
                <a:gd name="connsiteX16" fmla="*/ 130761 w 181320"/>
                <a:gd name="connsiteY16" fmla="*/ 45956 h 262618"/>
                <a:gd name="connsiteX17" fmla="*/ 90480 w 181320"/>
                <a:gd name="connsiteY17" fmla="*/ 30392 h 262618"/>
                <a:gd name="connsiteX18" fmla="*/ 50370 w 181320"/>
                <a:gd name="connsiteY18" fmla="*/ 45956 h 262618"/>
                <a:gd name="connsiteX19" fmla="*/ 35178 w 181320"/>
                <a:gd name="connsiteY19" fmla="*/ 87161 h 262618"/>
                <a:gd name="connsiteX20" fmla="*/ 35178 w 181320"/>
                <a:gd name="connsiteY20" fmla="*/ 176153 h 262618"/>
                <a:gd name="connsiteX21" fmla="*/ 50370 w 181320"/>
                <a:gd name="connsiteY21" fmla="*/ 216815 h 262618"/>
                <a:gd name="connsiteX22" fmla="*/ 90480 w 181320"/>
                <a:gd name="connsiteY22" fmla="*/ 232189 h 262618"/>
                <a:gd name="connsiteX23" fmla="*/ 130761 w 181320"/>
                <a:gd name="connsiteY23" fmla="*/ 216815 h 2626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1320" h="262618">
                  <a:moveTo>
                    <a:pt x="43236" y="251600"/>
                  </a:moveTo>
                  <a:cubicBezTo>
                    <a:pt x="29862" y="244581"/>
                    <a:pt x="18795" y="233846"/>
                    <a:pt x="11374" y="220692"/>
                  </a:cubicBezTo>
                  <a:cubicBezTo>
                    <a:pt x="3611" y="206642"/>
                    <a:pt x="-303" y="190783"/>
                    <a:pt x="21" y="174734"/>
                  </a:cubicBezTo>
                  <a:lnTo>
                    <a:pt x="21" y="87532"/>
                  </a:lnTo>
                  <a:cubicBezTo>
                    <a:pt x="-322" y="71540"/>
                    <a:pt x="3602" y="55738"/>
                    <a:pt x="11374" y="41755"/>
                  </a:cubicBezTo>
                  <a:cubicBezTo>
                    <a:pt x="18833" y="28668"/>
                    <a:pt x="29891" y="17981"/>
                    <a:pt x="43236" y="10980"/>
                  </a:cubicBezTo>
                  <a:cubicBezTo>
                    <a:pt x="73154" y="-3660"/>
                    <a:pt x="108168" y="-3660"/>
                    <a:pt x="138086" y="10980"/>
                  </a:cubicBezTo>
                  <a:cubicBezTo>
                    <a:pt x="151420" y="17990"/>
                    <a:pt x="162479" y="28668"/>
                    <a:pt x="169956" y="41755"/>
                  </a:cubicBezTo>
                  <a:cubicBezTo>
                    <a:pt x="177719" y="55738"/>
                    <a:pt x="181634" y="71540"/>
                    <a:pt x="181301" y="87532"/>
                  </a:cubicBezTo>
                  <a:lnTo>
                    <a:pt x="181301" y="174696"/>
                  </a:lnTo>
                  <a:cubicBezTo>
                    <a:pt x="181634" y="190755"/>
                    <a:pt x="177719" y="206624"/>
                    <a:pt x="169956" y="220692"/>
                  </a:cubicBezTo>
                  <a:cubicBezTo>
                    <a:pt x="162536" y="233855"/>
                    <a:pt x="151468" y="244609"/>
                    <a:pt x="138086" y="251639"/>
                  </a:cubicBezTo>
                  <a:cubicBezTo>
                    <a:pt x="108168" y="266279"/>
                    <a:pt x="73154" y="266279"/>
                    <a:pt x="43236" y="251639"/>
                  </a:cubicBezTo>
                  <a:close/>
                  <a:moveTo>
                    <a:pt x="130761" y="216815"/>
                  </a:moveTo>
                  <a:cubicBezTo>
                    <a:pt x="141257" y="205957"/>
                    <a:pt x="146820" y="191250"/>
                    <a:pt x="146144" y="176153"/>
                  </a:cubicBezTo>
                  <a:lnTo>
                    <a:pt x="146144" y="87161"/>
                  </a:lnTo>
                  <a:cubicBezTo>
                    <a:pt x="146839" y="71902"/>
                    <a:pt x="141286" y="57024"/>
                    <a:pt x="130761" y="45956"/>
                  </a:cubicBezTo>
                  <a:cubicBezTo>
                    <a:pt x="120074" y="35402"/>
                    <a:pt x="105481" y="29763"/>
                    <a:pt x="90480" y="30392"/>
                  </a:cubicBezTo>
                  <a:cubicBezTo>
                    <a:pt x="75525" y="29744"/>
                    <a:pt x="60981" y="35393"/>
                    <a:pt x="50370" y="45956"/>
                  </a:cubicBezTo>
                  <a:cubicBezTo>
                    <a:pt x="39949" y="57081"/>
                    <a:pt x="34473" y="71940"/>
                    <a:pt x="35178" y="87161"/>
                  </a:cubicBezTo>
                  <a:lnTo>
                    <a:pt x="35178" y="176153"/>
                  </a:lnTo>
                  <a:cubicBezTo>
                    <a:pt x="34492" y="191212"/>
                    <a:pt x="39978" y="205899"/>
                    <a:pt x="50370" y="216815"/>
                  </a:cubicBezTo>
                  <a:cubicBezTo>
                    <a:pt x="61028" y="227274"/>
                    <a:pt x="75554" y="232846"/>
                    <a:pt x="90480" y="232189"/>
                  </a:cubicBezTo>
                  <a:cubicBezTo>
                    <a:pt x="105453" y="232827"/>
                    <a:pt x="120017" y="227264"/>
                    <a:pt x="130761" y="216815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Freeform 31">
              <a:extLst>
                <a:ext uri="{FF2B5EF4-FFF2-40B4-BE49-F238E27FC236}">
                  <a16:creationId xmlns:a16="http://schemas.microsoft.com/office/drawing/2014/main" id="{2C65956C-C662-A74D-B26D-4EA3B8343C8C}"/>
                </a:ext>
              </a:extLst>
            </p:cNvPr>
            <p:cNvSpPr/>
            <p:nvPr/>
          </p:nvSpPr>
          <p:spPr bwMode="gray">
            <a:xfrm>
              <a:off x="3242291" y="2005905"/>
              <a:ext cx="179930" cy="259416"/>
            </a:xfrm>
            <a:custGeom>
              <a:avLst/>
              <a:gdLst>
                <a:gd name="connsiteX0" fmla="*/ 43066 w 179930"/>
                <a:gd name="connsiteY0" fmla="*/ 248939 h 259416"/>
                <a:gd name="connsiteX1" fmla="*/ 11385 w 179930"/>
                <a:gd name="connsiteY1" fmla="*/ 219268 h 259416"/>
                <a:gd name="connsiteX2" fmla="*/ 32 w 179930"/>
                <a:gd name="connsiteY2" fmla="*/ 175139 h 259416"/>
                <a:gd name="connsiteX3" fmla="*/ 32 w 179930"/>
                <a:gd name="connsiteY3" fmla="*/ 3689 h 259416"/>
                <a:gd name="connsiteX4" fmla="*/ 2784 w 179930"/>
                <a:gd name="connsiteY4" fmla="*/ 32 h 259416"/>
                <a:gd name="connsiteX5" fmla="*/ 3689 w 179930"/>
                <a:gd name="connsiteY5" fmla="*/ 32 h 259416"/>
                <a:gd name="connsiteX6" fmla="*/ 31521 w 179930"/>
                <a:gd name="connsiteY6" fmla="*/ 32 h 259416"/>
                <a:gd name="connsiteX7" fmla="*/ 35188 w 179930"/>
                <a:gd name="connsiteY7" fmla="*/ 2803 h 259416"/>
                <a:gd name="connsiteX8" fmla="*/ 35188 w 179930"/>
                <a:gd name="connsiteY8" fmla="*/ 3689 h 259416"/>
                <a:gd name="connsiteX9" fmla="*/ 35188 w 179930"/>
                <a:gd name="connsiteY9" fmla="*/ 175825 h 259416"/>
                <a:gd name="connsiteX10" fmla="*/ 50428 w 179930"/>
                <a:gd name="connsiteY10" fmla="*/ 214277 h 259416"/>
                <a:gd name="connsiteX11" fmla="*/ 90167 w 179930"/>
                <a:gd name="connsiteY11" fmla="*/ 228927 h 259416"/>
                <a:gd name="connsiteX12" fmla="*/ 129724 w 179930"/>
                <a:gd name="connsiteY12" fmla="*/ 214277 h 259416"/>
                <a:gd name="connsiteX13" fmla="*/ 144735 w 179930"/>
                <a:gd name="connsiteY13" fmla="*/ 175825 h 259416"/>
                <a:gd name="connsiteX14" fmla="*/ 144735 w 179930"/>
                <a:gd name="connsiteY14" fmla="*/ 3737 h 259416"/>
                <a:gd name="connsiteX15" fmla="*/ 147517 w 179930"/>
                <a:gd name="connsiteY15" fmla="*/ 79 h 259416"/>
                <a:gd name="connsiteX16" fmla="*/ 148403 w 179930"/>
                <a:gd name="connsiteY16" fmla="*/ 79 h 259416"/>
                <a:gd name="connsiteX17" fmla="*/ 176235 w 179930"/>
                <a:gd name="connsiteY17" fmla="*/ 79 h 259416"/>
                <a:gd name="connsiteX18" fmla="*/ 179902 w 179930"/>
                <a:gd name="connsiteY18" fmla="*/ 2851 h 259416"/>
                <a:gd name="connsiteX19" fmla="*/ 179902 w 179930"/>
                <a:gd name="connsiteY19" fmla="*/ 3737 h 259416"/>
                <a:gd name="connsiteX20" fmla="*/ 179902 w 179930"/>
                <a:gd name="connsiteY20" fmla="*/ 175187 h 259416"/>
                <a:gd name="connsiteX21" fmla="*/ 168729 w 179930"/>
                <a:gd name="connsiteY21" fmla="*/ 219316 h 259416"/>
                <a:gd name="connsiteX22" fmla="*/ 137230 w 179930"/>
                <a:gd name="connsiteY22" fmla="*/ 248986 h 259416"/>
                <a:gd name="connsiteX23" fmla="*/ 43113 w 179930"/>
                <a:gd name="connsiteY23" fmla="*/ 248986 h 2594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79930" h="259416">
                  <a:moveTo>
                    <a:pt x="43066" y="248939"/>
                  </a:moveTo>
                  <a:cubicBezTo>
                    <a:pt x="29864" y="242309"/>
                    <a:pt x="18863" y="232003"/>
                    <a:pt x="11385" y="219268"/>
                  </a:cubicBezTo>
                  <a:cubicBezTo>
                    <a:pt x="3661" y="205867"/>
                    <a:pt x="-264" y="190608"/>
                    <a:pt x="32" y="175139"/>
                  </a:cubicBezTo>
                  <a:lnTo>
                    <a:pt x="32" y="3689"/>
                  </a:lnTo>
                  <a:cubicBezTo>
                    <a:pt x="-216" y="1917"/>
                    <a:pt x="1013" y="279"/>
                    <a:pt x="2784" y="32"/>
                  </a:cubicBezTo>
                  <a:cubicBezTo>
                    <a:pt x="3089" y="-7"/>
                    <a:pt x="3394" y="-7"/>
                    <a:pt x="3689" y="32"/>
                  </a:cubicBezTo>
                  <a:lnTo>
                    <a:pt x="31521" y="32"/>
                  </a:lnTo>
                  <a:cubicBezTo>
                    <a:pt x="33302" y="-216"/>
                    <a:pt x="34941" y="1022"/>
                    <a:pt x="35188" y="2803"/>
                  </a:cubicBezTo>
                  <a:cubicBezTo>
                    <a:pt x="35226" y="3099"/>
                    <a:pt x="35226" y="3394"/>
                    <a:pt x="35188" y="3689"/>
                  </a:cubicBezTo>
                  <a:lnTo>
                    <a:pt x="35188" y="175825"/>
                  </a:lnTo>
                  <a:cubicBezTo>
                    <a:pt x="34608" y="190217"/>
                    <a:pt x="40141" y="204190"/>
                    <a:pt x="50428" y="214277"/>
                  </a:cubicBezTo>
                  <a:cubicBezTo>
                    <a:pt x="61182" y="224279"/>
                    <a:pt x="75498" y="229556"/>
                    <a:pt x="90167" y="228927"/>
                  </a:cubicBezTo>
                  <a:cubicBezTo>
                    <a:pt x="104788" y="229574"/>
                    <a:pt x="119056" y="224288"/>
                    <a:pt x="129724" y="214277"/>
                  </a:cubicBezTo>
                  <a:cubicBezTo>
                    <a:pt x="139897" y="204124"/>
                    <a:pt x="145336" y="190179"/>
                    <a:pt x="144735" y="175825"/>
                  </a:cubicBezTo>
                  <a:lnTo>
                    <a:pt x="144735" y="3737"/>
                  </a:lnTo>
                  <a:cubicBezTo>
                    <a:pt x="144488" y="1956"/>
                    <a:pt x="145736" y="317"/>
                    <a:pt x="147517" y="79"/>
                  </a:cubicBezTo>
                  <a:cubicBezTo>
                    <a:pt x="147812" y="41"/>
                    <a:pt x="148107" y="41"/>
                    <a:pt x="148403" y="79"/>
                  </a:cubicBezTo>
                  <a:lnTo>
                    <a:pt x="176235" y="79"/>
                  </a:lnTo>
                  <a:cubicBezTo>
                    <a:pt x="178016" y="-168"/>
                    <a:pt x="179654" y="1070"/>
                    <a:pt x="179902" y="2851"/>
                  </a:cubicBezTo>
                  <a:cubicBezTo>
                    <a:pt x="179940" y="3146"/>
                    <a:pt x="179940" y="3441"/>
                    <a:pt x="179902" y="3737"/>
                  </a:cubicBezTo>
                  <a:lnTo>
                    <a:pt x="179902" y="175187"/>
                  </a:lnTo>
                  <a:cubicBezTo>
                    <a:pt x="180197" y="190627"/>
                    <a:pt x="176339" y="205876"/>
                    <a:pt x="168729" y="219316"/>
                  </a:cubicBezTo>
                  <a:cubicBezTo>
                    <a:pt x="161347" y="232070"/>
                    <a:pt x="150403" y="242386"/>
                    <a:pt x="137230" y="248986"/>
                  </a:cubicBezTo>
                  <a:cubicBezTo>
                    <a:pt x="107398" y="262893"/>
                    <a:pt x="72946" y="262893"/>
                    <a:pt x="43113" y="248986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3" name="Freeform 32">
              <a:extLst>
                <a:ext uri="{FF2B5EF4-FFF2-40B4-BE49-F238E27FC236}">
                  <a16:creationId xmlns:a16="http://schemas.microsoft.com/office/drawing/2014/main" id="{7368DBF5-6AF1-D14F-91D0-88FFFCE76339}"/>
                </a:ext>
              </a:extLst>
            </p:cNvPr>
            <p:cNvSpPr/>
            <p:nvPr/>
          </p:nvSpPr>
          <p:spPr bwMode="gray">
            <a:xfrm>
              <a:off x="3512921" y="2005948"/>
              <a:ext cx="178088" cy="256423"/>
            </a:xfrm>
            <a:custGeom>
              <a:avLst/>
              <a:gdLst>
                <a:gd name="connsiteX0" fmla="*/ 142139 w 178088"/>
                <a:gd name="connsiteY0" fmla="*/ 253829 h 256423"/>
                <a:gd name="connsiteX1" fmla="*/ 90866 w 178088"/>
                <a:gd name="connsiteY1" fmla="*/ 144292 h 256423"/>
                <a:gd name="connsiteX2" fmla="*/ 89399 w 178088"/>
                <a:gd name="connsiteY2" fmla="*/ 143196 h 256423"/>
                <a:gd name="connsiteX3" fmla="*/ 36659 w 178088"/>
                <a:gd name="connsiteY3" fmla="*/ 143196 h 256423"/>
                <a:gd name="connsiteX4" fmla="*/ 35202 w 178088"/>
                <a:gd name="connsiteY4" fmla="*/ 144282 h 256423"/>
                <a:gd name="connsiteX5" fmla="*/ 35202 w 178088"/>
                <a:gd name="connsiteY5" fmla="*/ 144654 h 256423"/>
                <a:gd name="connsiteX6" fmla="*/ 35202 w 178088"/>
                <a:gd name="connsiteY6" fmla="*/ 252696 h 256423"/>
                <a:gd name="connsiteX7" fmla="*/ 32459 w 178088"/>
                <a:gd name="connsiteY7" fmla="*/ 256363 h 256423"/>
                <a:gd name="connsiteX8" fmla="*/ 31535 w 178088"/>
                <a:gd name="connsiteY8" fmla="*/ 256363 h 256423"/>
                <a:gd name="connsiteX9" fmla="*/ 3703 w 178088"/>
                <a:gd name="connsiteY9" fmla="*/ 256363 h 256423"/>
                <a:gd name="connsiteX10" fmla="*/ 36 w 178088"/>
                <a:gd name="connsiteY10" fmla="*/ 253620 h 256423"/>
                <a:gd name="connsiteX11" fmla="*/ 36 w 178088"/>
                <a:gd name="connsiteY11" fmla="*/ 252696 h 256423"/>
                <a:gd name="connsiteX12" fmla="*/ 36 w 178088"/>
                <a:gd name="connsiteY12" fmla="*/ 3693 h 256423"/>
                <a:gd name="connsiteX13" fmla="*/ 2788 w 178088"/>
                <a:gd name="connsiteY13" fmla="*/ 36 h 256423"/>
                <a:gd name="connsiteX14" fmla="*/ 3703 w 178088"/>
                <a:gd name="connsiteY14" fmla="*/ 36 h 256423"/>
                <a:gd name="connsiteX15" fmla="*/ 102220 w 178088"/>
                <a:gd name="connsiteY15" fmla="*/ 36 h 256423"/>
                <a:gd name="connsiteX16" fmla="*/ 140853 w 178088"/>
                <a:gd name="connsiteY16" fmla="*/ 9189 h 256423"/>
                <a:gd name="connsiteX17" fmla="*/ 166676 w 178088"/>
                <a:gd name="connsiteY17" fmla="*/ 34821 h 256423"/>
                <a:gd name="connsiteX18" fmla="*/ 175829 w 178088"/>
                <a:gd name="connsiteY18" fmla="*/ 72921 h 256423"/>
                <a:gd name="connsiteX19" fmla="*/ 162494 w 178088"/>
                <a:gd name="connsiteY19" fmla="*/ 116326 h 256423"/>
                <a:gd name="connsiteX20" fmla="*/ 125347 w 178088"/>
                <a:gd name="connsiteY20" fmla="*/ 140310 h 256423"/>
                <a:gd name="connsiteX21" fmla="*/ 124623 w 178088"/>
                <a:gd name="connsiteY21" fmla="*/ 142149 h 256423"/>
                <a:gd name="connsiteX22" fmla="*/ 177725 w 178088"/>
                <a:gd name="connsiteY22" fmla="*/ 252020 h 256423"/>
                <a:gd name="connsiteX23" fmla="*/ 178087 w 178088"/>
                <a:gd name="connsiteY23" fmla="*/ 253839 h 256423"/>
                <a:gd name="connsiteX24" fmla="*/ 175162 w 178088"/>
                <a:gd name="connsiteY24" fmla="*/ 256411 h 256423"/>
                <a:gd name="connsiteX25" fmla="*/ 146225 w 178088"/>
                <a:gd name="connsiteY25" fmla="*/ 256411 h 256423"/>
                <a:gd name="connsiteX26" fmla="*/ 142139 w 178088"/>
                <a:gd name="connsiteY26" fmla="*/ 253829 h 256423"/>
                <a:gd name="connsiteX27" fmla="*/ 35202 w 178088"/>
                <a:gd name="connsiteY27" fmla="*/ 31897 h 256423"/>
                <a:gd name="connsiteX28" fmla="*/ 35202 w 178088"/>
                <a:gd name="connsiteY28" fmla="*/ 113974 h 256423"/>
                <a:gd name="connsiteX29" fmla="*/ 36288 w 178088"/>
                <a:gd name="connsiteY29" fmla="*/ 115431 h 256423"/>
                <a:gd name="connsiteX30" fmla="*/ 36659 w 178088"/>
                <a:gd name="connsiteY30" fmla="*/ 115431 h 256423"/>
                <a:gd name="connsiteX31" fmla="*/ 97819 w 178088"/>
                <a:gd name="connsiteY31" fmla="*/ 115431 h 256423"/>
                <a:gd name="connsiteX32" fmla="*/ 128957 w 178088"/>
                <a:gd name="connsiteY32" fmla="*/ 103896 h 256423"/>
                <a:gd name="connsiteX33" fmla="*/ 140672 w 178088"/>
                <a:gd name="connsiteY33" fmla="*/ 73321 h 256423"/>
                <a:gd name="connsiteX34" fmla="*/ 103087 w 178088"/>
                <a:gd name="connsiteY34" fmla="*/ 30459 h 256423"/>
                <a:gd name="connsiteX35" fmla="*/ 97810 w 178088"/>
                <a:gd name="connsiteY35" fmla="*/ 30459 h 256423"/>
                <a:gd name="connsiteX36" fmla="*/ 36650 w 178088"/>
                <a:gd name="connsiteY36" fmla="*/ 30459 h 256423"/>
                <a:gd name="connsiteX37" fmla="*/ 35202 w 178088"/>
                <a:gd name="connsiteY37" fmla="*/ 31563 h 256423"/>
                <a:gd name="connsiteX38" fmla="*/ 35202 w 178088"/>
                <a:gd name="connsiteY38" fmla="*/ 31887 h 2564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78088" h="256423">
                  <a:moveTo>
                    <a:pt x="142139" y="253829"/>
                  </a:moveTo>
                  <a:lnTo>
                    <a:pt x="90866" y="144292"/>
                  </a:lnTo>
                  <a:cubicBezTo>
                    <a:pt x="90704" y="143625"/>
                    <a:pt x="90085" y="143168"/>
                    <a:pt x="89399" y="143196"/>
                  </a:cubicBezTo>
                  <a:lnTo>
                    <a:pt x="36659" y="143196"/>
                  </a:lnTo>
                  <a:cubicBezTo>
                    <a:pt x="35954" y="143092"/>
                    <a:pt x="35307" y="143577"/>
                    <a:pt x="35202" y="144282"/>
                  </a:cubicBezTo>
                  <a:cubicBezTo>
                    <a:pt x="35183" y="144406"/>
                    <a:pt x="35183" y="144530"/>
                    <a:pt x="35202" y="144654"/>
                  </a:cubicBezTo>
                  <a:lnTo>
                    <a:pt x="35202" y="252696"/>
                  </a:lnTo>
                  <a:cubicBezTo>
                    <a:pt x="35459" y="254468"/>
                    <a:pt x="34230" y="256106"/>
                    <a:pt x="32459" y="256363"/>
                  </a:cubicBezTo>
                  <a:cubicBezTo>
                    <a:pt x="32154" y="256411"/>
                    <a:pt x="31840" y="256411"/>
                    <a:pt x="31535" y="256363"/>
                  </a:cubicBezTo>
                  <a:lnTo>
                    <a:pt x="3703" y="256363"/>
                  </a:lnTo>
                  <a:cubicBezTo>
                    <a:pt x="1931" y="256620"/>
                    <a:pt x="293" y="255391"/>
                    <a:pt x="36" y="253620"/>
                  </a:cubicBezTo>
                  <a:cubicBezTo>
                    <a:pt x="-12" y="253315"/>
                    <a:pt x="-12" y="253001"/>
                    <a:pt x="36" y="252696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02220" y="36"/>
                  </a:lnTo>
                  <a:cubicBezTo>
                    <a:pt x="115669" y="-250"/>
                    <a:pt x="128966" y="2903"/>
                    <a:pt x="140853" y="9189"/>
                  </a:cubicBezTo>
                  <a:cubicBezTo>
                    <a:pt x="151740" y="15076"/>
                    <a:pt x="160704" y="23972"/>
                    <a:pt x="166676" y="34821"/>
                  </a:cubicBezTo>
                  <a:cubicBezTo>
                    <a:pt x="172953" y="46518"/>
                    <a:pt x="176105" y="59643"/>
                    <a:pt x="175829" y="72921"/>
                  </a:cubicBezTo>
                  <a:cubicBezTo>
                    <a:pt x="176324" y="88466"/>
                    <a:pt x="171638" y="103734"/>
                    <a:pt x="162494" y="116326"/>
                  </a:cubicBezTo>
                  <a:cubicBezTo>
                    <a:pt x="153264" y="128376"/>
                    <a:pt x="140130" y="136853"/>
                    <a:pt x="125347" y="140310"/>
                  </a:cubicBezTo>
                  <a:cubicBezTo>
                    <a:pt x="124394" y="140806"/>
                    <a:pt x="124127" y="141406"/>
                    <a:pt x="124623" y="142149"/>
                  </a:cubicBezTo>
                  <a:lnTo>
                    <a:pt x="177725" y="252020"/>
                  </a:lnTo>
                  <a:cubicBezTo>
                    <a:pt x="177982" y="252591"/>
                    <a:pt x="178106" y="253210"/>
                    <a:pt x="178087" y="253839"/>
                  </a:cubicBezTo>
                  <a:cubicBezTo>
                    <a:pt x="178087" y="255553"/>
                    <a:pt x="177134" y="256411"/>
                    <a:pt x="175162" y="256411"/>
                  </a:cubicBezTo>
                  <a:lnTo>
                    <a:pt x="146225" y="256411"/>
                  </a:lnTo>
                  <a:cubicBezTo>
                    <a:pt x="144444" y="256554"/>
                    <a:pt x="142777" y="255506"/>
                    <a:pt x="142139" y="253829"/>
                  </a:cubicBezTo>
                  <a:close/>
                  <a:moveTo>
                    <a:pt x="35202" y="31897"/>
                  </a:moveTo>
                  <a:lnTo>
                    <a:pt x="35202" y="113974"/>
                  </a:lnTo>
                  <a:cubicBezTo>
                    <a:pt x="35097" y="114679"/>
                    <a:pt x="35583" y="115326"/>
                    <a:pt x="36288" y="115431"/>
                  </a:cubicBezTo>
                  <a:cubicBezTo>
                    <a:pt x="36412" y="115450"/>
                    <a:pt x="36536" y="115450"/>
                    <a:pt x="36659" y="115431"/>
                  </a:cubicBezTo>
                  <a:lnTo>
                    <a:pt x="97819" y="115431"/>
                  </a:lnTo>
                  <a:cubicBezTo>
                    <a:pt x="109335" y="115974"/>
                    <a:pt x="120575" y="111812"/>
                    <a:pt x="128957" y="103896"/>
                  </a:cubicBezTo>
                  <a:cubicBezTo>
                    <a:pt x="136938" y="95781"/>
                    <a:pt x="141187" y="84694"/>
                    <a:pt x="140672" y="73321"/>
                  </a:cubicBezTo>
                  <a:cubicBezTo>
                    <a:pt x="142130" y="51109"/>
                    <a:pt x="125299" y="31916"/>
                    <a:pt x="103087" y="30459"/>
                  </a:cubicBezTo>
                  <a:cubicBezTo>
                    <a:pt x="101334" y="30344"/>
                    <a:pt x="99572" y="30344"/>
                    <a:pt x="97810" y="30459"/>
                  </a:cubicBezTo>
                  <a:lnTo>
                    <a:pt x="36650" y="30459"/>
                  </a:lnTo>
                  <a:cubicBezTo>
                    <a:pt x="35945" y="30363"/>
                    <a:pt x="35297" y="30859"/>
                    <a:pt x="35202" y="31563"/>
                  </a:cubicBezTo>
                  <a:cubicBezTo>
                    <a:pt x="35193" y="31668"/>
                    <a:pt x="35193" y="31783"/>
                    <a:pt x="35202" y="3188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4" name="Freeform 33">
              <a:extLst>
                <a:ext uri="{FF2B5EF4-FFF2-40B4-BE49-F238E27FC236}">
                  <a16:creationId xmlns:a16="http://schemas.microsoft.com/office/drawing/2014/main" id="{8B3ACB36-BDD0-E142-B782-EE520852773A}"/>
                </a:ext>
              </a:extLst>
            </p:cNvPr>
            <p:cNvSpPr/>
            <p:nvPr/>
          </p:nvSpPr>
          <p:spPr bwMode="gray">
            <a:xfrm>
              <a:off x="3870381" y="2002971"/>
              <a:ext cx="178392" cy="262604"/>
            </a:xfrm>
            <a:custGeom>
              <a:avLst/>
              <a:gdLst>
                <a:gd name="connsiteX0" fmla="*/ 42692 w 178392"/>
                <a:gd name="connsiteY0" fmla="*/ 252206 h 262604"/>
                <a:gd name="connsiteX1" fmla="*/ 11193 w 178392"/>
                <a:gd name="connsiteY1" fmla="*/ 222535 h 262604"/>
                <a:gd name="connsiteX2" fmla="*/ 20 w 178392"/>
                <a:gd name="connsiteY2" fmla="*/ 178416 h 262604"/>
                <a:gd name="connsiteX3" fmla="*/ 20 w 178392"/>
                <a:gd name="connsiteY3" fmla="*/ 83613 h 262604"/>
                <a:gd name="connsiteX4" fmla="*/ 11193 w 178392"/>
                <a:gd name="connsiteY4" fmla="*/ 39798 h 262604"/>
                <a:gd name="connsiteX5" fmla="*/ 42692 w 178392"/>
                <a:gd name="connsiteY5" fmla="*/ 10499 h 262604"/>
                <a:gd name="connsiteX6" fmla="*/ 89364 w 178392"/>
                <a:gd name="connsiteY6" fmla="*/ 22 h 262604"/>
                <a:gd name="connsiteX7" fmla="*/ 135875 w 178392"/>
                <a:gd name="connsiteY7" fmla="*/ 10099 h 262604"/>
                <a:gd name="connsiteX8" fmla="*/ 167184 w 178392"/>
                <a:gd name="connsiteY8" fmla="*/ 38474 h 262604"/>
                <a:gd name="connsiteX9" fmla="*/ 178356 w 178392"/>
                <a:gd name="connsiteY9" fmla="*/ 80956 h 262604"/>
                <a:gd name="connsiteX10" fmla="*/ 178356 w 178392"/>
                <a:gd name="connsiteY10" fmla="*/ 81327 h 262604"/>
                <a:gd name="connsiteX11" fmla="*/ 177261 w 178392"/>
                <a:gd name="connsiteY11" fmla="*/ 84261 h 262604"/>
                <a:gd name="connsiteX12" fmla="*/ 174699 w 178392"/>
                <a:gd name="connsiteY12" fmla="*/ 85356 h 262604"/>
                <a:gd name="connsiteX13" fmla="*/ 146867 w 178392"/>
                <a:gd name="connsiteY13" fmla="*/ 86814 h 262604"/>
                <a:gd name="connsiteX14" fmla="*/ 143200 w 178392"/>
                <a:gd name="connsiteY14" fmla="*/ 83528 h 262604"/>
                <a:gd name="connsiteX15" fmla="*/ 143200 w 178392"/>
                <a:gd name="connsiteY15" fmla="*/ 82423 h 262604"/>
                <a:gd name="connsiteX16" fmla="*/ 128550 w 178392"/>
                <a:gd name="connsiteY16" fmla="*/ 44704 h 262604"/>
                <a:gd name="connsiteX17" fmla="*/ 89364 w 178392"/>
                <a:gd name="connsiteY17" fmla="*/ 30416 h 262604"/>
                <a:gd name="connsiteX18" fmla="*/ 49997 w 178392"/>
                <a:gd name="connsiteY18" fmla="*/ 44704 h 262604"/>
                <a:gd name="connsiteX19" fmla="*/ 35167 w 178392"/>
                <a:gd name="connsiteY19" fmla="*/ 82423 h 262604"/>
                <a:gd name="connsiteX20" fmla="*/ 35167 w 178392"/>
                <a:gd name="connsiteY20" fmla="*/ 179844 h 262604"/>
                <a:gd name="connsiteX21" fmla="*/ 49997 w 178392"/>
                <a:gd name="connsiteY21" fmla="*/ 217573 h 262604"/>
                <a:gd name="connsiteX22" fmla="*/ 89364 w 178392"/>
                <a:gd name="connsiteY22" fmla="*/ 231860 h 262604"/>
                <a:gd name="connsiteX23" fmla="*/ 128550 w 178392"/>
                <a:gd name="connsiteY23" fmla="*/ 217573 h 262604"/>
                <a:gd name="connsiteX24" fmla="*/ 143200 w 178392"/>
                <a:gd name="connsiteY24" fmla="*/ 179844 h 262604"/>
                <a:gd name="connsiteX25" fmla="*/ 143200 w 178392"/>
                <a:gd name="connsiteY25" fmla="*/ 179111 h 262604"/>
                <a:gd name="connsiteX26" fmla="*/ 146867 w 178392"/>
                <a:gd name="connsiteY26" fmla="*/ 175815 h 262604"/>
                <a:gd name="connsiteX27" fmla="*/ 174699 w 178392"/>
                <a:gd name="connsiteY27" fmla="*/ 177273 h 262604"/>
                <a:gd name="connsiteX28" fmla="*/ 178356 w 178392"/>
                <a:gd name="connsiteY28" fmla="*/ 180025 h 262604"/>
                <a:gd name="connsiteX29" fmla="*/ 178356 w 178392"/>
                <a:gd name="connsiteY29" fmla="*/ 180940 h 262604"/>
                <a:gd name="connsiteX30" fmla="*/ 167184 w 178392"/>
                <a:gd name="connsiteY30" fmla="*/ 223612 h 262604"/>
                <a:gd name="connsiteX31" fmla="*/ 135875 w 178392"/>
                <a:gd name="connsiteY31" fmla="*/ 252358 h 262604"/>
                <a:gd name="connsiteX32" fmla="*/ 42673 w 178392"/>
                <a:gd name="connsiteY32" fmla="*/ 252177 h 2626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78392" h="262604">
                  <a:moveTo>
                    <a:pt x="42692" y="252206"/>
                  </a:moveTo>
                  <a:cubicBezTo>
                    <a:pt x="29519" y="245605"/>
                    <a:pt x="18565" y="235289"/>
                    <a:pt x="11193" y="222535"/>
                  </a:cubicBezTo>
                  <a:cubicBezTo>
                    <a:pt x="3582" y="209096"/>
                    <a:pt x="-275" y="193856"/>
                    <a:pt x="20" y="178416"/>
                  </a:cubicBezTo>
                  <a:lnTo>
                    <a:pt x="20" y="83613"/>
                  </a:lnTo>
                  <a:cubicBezTo>
                    <a:pt x="-313" y="68259"/>
                    <a:pt x="3544" y="53114"/>
                    <a:pt x="11193" y="39798"/>
                  </a:cubicBezTo>
                  <a:cubicBezTo>
                    <a:pt x="18651" y="27206"/>
                    <a:pt x="29595" y="17034"/>
                    <a:pt x="42692" y="10499"/>
                  </a:cubicBezTo>
                  <a:cubicBezTo>
                    <a:pt x="57179" y="3308"/>
                    <a:pt x="73191" y="-283"/>
                    <a:pt x="89364" y="22"/>
                  </a:cubicBezTo>
                  <a:cubicBezTo>
                    <a:pt x="105443" y="-311"/>
                    <a:pt x="121378" y="3146"/>
                    <a:pt x="135875" y="10099"/>
                  </a:cubicBezTo>
                  <a:cubicBezTo>
                    <a:pt x="148810" y="16367"/>
                    <a:pt x="159678" y="26216"/>
                    <a:pt x="167184" y="38474"/>
                  </a:cubicBezTo>
                  <a:cubicBezTo>
                    <a:pt x="174803" y="51314"/>
                    <a:pt x="178671" y="66030"/>
                    <a:pt x="178356" y="80956"/>
                  </a:cubicBezTo>
                  <a:lnTo>
                    <a:pt x="178356" y="81327"/>
                  </a:lnTo>
                  <a:cubicBezTo>
                    <a:pt x="178414" y="82413"/>
                    <a:pt x="178013" y="83471"/>
                    <a:pt x="177261" y="84261"/>
                  </a:cubicBezTo>
                  <a:cubicBezTo>
                    <a:pt x="176594" y="84966"/>
                    <a:pt x="175670" y="85356"/>
                    <a:pt x="174699" y="85356"/>
                  </a:cubicBezTo>
                  <a:lnTo>
                    <a:pt x="146867" y="86814"/>
                  </a:lnTo>
                  <a:cubicBezTo>
                    <a:pt x="144419" y="86814"/>
                    <a:pt x="143190" y="85718"/>
                    <a:pt x="143200" y="83528"/>
                  </a:cubicBezTo>
                  <a:lnTo>
                    <a:pt x="143200" y="82423"/>
                  </a:lnTo>
                  <a:cubicBezTo>
                    <a:pt x="143809" y="68354"/>
                    <a:pt x="138494" y="54676"/>
                    <a:pt x="128550" y="44704"/>
                  </a:cubicBezTo>
                  <a:cubicBezTo>
                    <a:pt x="117949" y="34855"/>
                    <a:pt x="103814" y="29711"/>
                    <a:pt x="89364" y="30416"/>
                  </a:cubicBezTo>
                  <a:cubicBezTo>
                    <a:pt x="74858" y="29721"/>
                    <a:pt x="60685" y="34864"/>
                    <a:pt x="49997" y="44704"/>
                  </a:cubicBezTo>
                  <a:cubicBezTo>
                    <a:pt x="39949" y="54619"/>
                    <a:pt x="34557" y="68316"/>
                    <a:pt x="35167" y="82423"/>
                  </a:cubicBezTo>
                  <a:lnTo>
                    <a:pt x="35167" y="179844"/>
                  </a:lnTo>
                  <a:cubicBezTo>
                    <a:pt x="34557" y="193951"/>
                    <a:pt x="39949" y="207657"/>
                    <a:pt x="49997" y="217573"/>
                  </a:cubicBezTo>
                  <a:cubicBezTo>
                    <a:pt x="60685" y="227403"/>
                    <a:pt x="74858" y="232546"/>
                    <a:pt x="89364" y="231860"/>
                  </a:cubicBezTo>
                  <a:cubicBezTo>
                    <a:pt x="103814" y="232565"/>
                    <a:pt x="117939" y="227412"/>
                    <a:pt x="128550" y="217573"/>
                  </a:cubicBezTo>
                  <a:cubicBezTo>
                    <a:pt x="138494" y="207600"/>
                    <a:pt x="143809" y="193913"/>
                    <a:pt x="143200" y="179844"/>
                  </a:cubicBezTo>
                  <a:lnTo>
                    <a:pt x="143200" y="179111"/>
                  </a:lnTo>
                  <a:cubicBezTo>
                    <a:pt x="143200" y="176911"/>
                    <a:pt x="144419" y="175815"/>
                    <a:pt x="146867" y="175815"/>
                  </a:cubicBezTo>
                  <a:lnTo>
                    <a:pt x="174699" y="177273"/>
                  </a:lnTo>
                  <a:cubicBezTo>
                    <a:pt x="176470" y="177025"/>
                    <a:pt x="178109" y="178254"/>
                    <a:pt x="178356" y="180025"/>
                  </a:cubicBezTo>
                  <a:cubicBezTo>
                    <a:pt x="178404" y="180330"/>
                    <a:pt x="178404" y="180635"/>
                    <a:pt x="178356" y="180940"/>
                  </a:cubicBezTo>
                  <a:cubicBezTo>
                    <a:pt x="178661" y="195923"/>
                    <a:pt x="174794" y="210696"/>
                    <a:pt x="167184" y="223612"/>
                  </a:cubicBezTo>
                  <a:cubicBezTo>
                    <a:pt x="159697" y="235975"/>
                    <a:pt x="148829" y="245948"/>
                    <a:pt x="135875" y="252358"/>
                  </a:cubicBezTo>
                  <a:cubicBezTo>
                    <a:pt x="106309" y="266084"/>
                    <a:pt x="72181" y="266017"/>
                    <a:pt x="42673" y="25217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F2F14949-4ED8-5143-88EF-567821056719}"/>
                </a:ext>
              </a:extLst>
            </p:cNvPr>
            <p:cNvSpPr/>
            <p:nvPr/>
          </p:nvSpPr>
          <p:spPr bwMode="gray">
            <a:xfrm>
              <a:off x="4098180" y="2005961"/>
              <a:ext cx="189639" cy="256067"/>
            </a:xfrm>
            <a:custGeom>
              <a:avLst/>
              <a:gdLst>
                <a:gd name="connsiteX0" fmla="*/ 76926 w 189639"/>
                <a:gd name="connsiteY0" fmla="*/ 252359 h 256067"/>
                <a:gd name="connsiteX1" fmla="*/ 76926 w 189639"/>
                <a:gd name="connsiteY1" fmla="*/ 149441 h 256067"/>
                <a:gd name="connsiteX2" fmla="*/ 76564 w 189639"/>
                <a:gd name="connsiteY2" fmla="*/ 147612 h 256067"/>
                <a:gd name="connsiteX3" fmla="*/ 364 w 189639"/>
                <a:gd name="connsiteY3" fmla="*/ 4423 h 256067"/>
                <a:gd name="connsiteX4" fmla="*/ 2 w 189639"/>
                <a:gd name="connsiteY4" fmla="*/ 2585 h 256067"/>
                <a:gd name="connsiteX5" fmla="*/ 2926 w 189639"/>
                <a:gd name="connsiteY5" fmla="*/ 23 h 256067"/>
                <a:gd name="connsiteX6" fmla="*/ 32958 w 189639"/>
                <a:gd name="connsiteY6" fmla="*/ 23 h 256067"/>
                <a:gd name="connsiteX7" fmla="*/ 37359 w 189639"/>
                <a:gd name="connsiteY7" fmla="*/ 2585 h 256067"/>
                <a:gd name="connsiteX8" fmla="*/ 93385 w 189639"/>
                <a:gd name="connsiteY8" fmla="*/ 109894 h 256067"/>
                <a:gd name="connsiteX9" fmla="*/ 94937 w 189639"/>
                <a:gd name="connsiteY9" fmla="*/ 110541 h 256067"/>
                <a:gd name="connsiteX10" fmla="*/ 95585 w 189639"/>
                <a:gd name="connsiteY10" fmla="*/ 109894 h 256067"/>
                <a:gd name="connsiteX11" fmla="*/ 151687 w 189639"/>
                <a:gd name="connsiteY11" fmla="*/ 2585 h 256067"/>
                <a:gd name="connsiteX12" fmla="*/ 156088 w 189639"/>
                <a:gd name="connsiteY12" fmla="*/ 23 h 256067"/>
                <a:gd name="connsiteX13" fmla="*/ 186482 w 189639"/>
                <a:gd name="connsiteY13" fmla="*/ 23 h 256067"/>
                <a:gd name="connsiteX14" fmla="*/ 189226 w 189639"/>
                <a:gd name="connsiteY14" fmla="*/ 1299 h 256067"/>
                <a:gd name="connsiteX15" fmla="*/ 189044 w 189639"/>
                <a:gd name="connsiteY15" fmla="*/ 4423 h 256067"/>
                <a:gd name="connsiteX16" fmla="*/ 112501 w 189639"/>
                <a:gd name="connsiteY16" fmla="*/ 147612 h 256067"/>
                <a:gd name="connsiteX17" fmla="*/ 112140 w 189639"/>
                <a:gd name="connsiteY17" fmla="*/ 149441 h 256067"/>
                <a:gd name="connsiteX18" fmla="*/ 112140 w 189639"/>
                <a:gd name="connsiteY18" fmla="*/ 252359 h 256067"/>
                <a:gd name="connsiteX19" fmla="*/ 109396 w 189639"/>
                <a:gd name="connsiteY19" fmla="*/ 256026 h 256067"/>
                <a:gd name="connsiteX20" fmla="*/ 108473 w 189639"/>
                <a:gd name="connsiteY20" fmla="*/ 256026 h 256067"/>
                <a:gd name="connsiteX21" fmla="*/ 80640 w 189639"/>
                <a:gd name="connsiteY21" fmla="*/ 256026 h 256067"/>
                <a:gd name="connsiteX22" fmla="*/ 76935 w 189639"/>
                <a:gd name="connsiteY22" fmla="*/ 253340 h 256067"/>
                <a:gd name="connsiteX23" fmla="*/ 76926 w 189639"/>
                <a:gd name="connsiteY23" fmla="*/ 252359 h 256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9639" h="256067">
                  <a:moveTo>
                    <a:pt x="76926" y="252359"/>
                  </a:moveTo>
                  <a:lnTo>
                    <a:pt x="76926" y="149441"/>
                  </a:lnTo>
                  <a:cubicBezTo>
                    <a:pt x="77002" y="148813"/>
                    <a:pt x="76878" y="148165"/>
                    <a:pt x="76564" y="147612"/>
                  </a:cubicBezTo>
                  <a:lnTo>
                    <a:pt x="364" y="4423"/>
                  </a:lnTo>
                  <a:cubicBezTo>
                    <a:pt x="107" y="3842"/>
                    <a:pt x="-17" y="3214"/>
                    <a:pt x="2" y="2585"/>
                  </a:cubicBezTo>
                  <a:cubicBezTo>
                    <a:pt x="2" y="880"/>
                    <a:pt x="954" y="23"/>
                    <a:pt x="2926" y="23"/>
                  </a:cubicBezTo>
                  <a:lnTo>
                    <a:pt x="32958" y="23"/>
                  </a:lnTo>
                  <a:cubicBezTo>
                    <a:pt x="34825" y="-168"/>
                    <a:pt x="36606" y="861"/>
                    <a:pt x="37359" y="2585"/>
                  </a:cubicBezTo>
                  <a:lnTo>
                    <a:pt x="93385" y="109894"/>
                  </a:lnTo>
                  <a:cubicBezTo>
                    <a:pt x="93633" y="110503"/>
                    <a:pt x="94337" y="110789"/>
                    <a:pt x="94937" y="110541"/>
                  </a:cubicBezTo>
                  <a:cubicBezTo>
                    <a:pt x="95233" y="110417"/>
                    <a:pt x="95461" y="110189"/>
                    <a:pt x="95585" y="109894"/>
                  </a:cubicBezTo>
                  <a:lnTo>
                    <a:pt x="151687" y="2585"/>
                  </a:lnTo>
                  <a:cubicBezTo>
                    <a:pt x="152440" y="861"/>
                    <a:pt x="154221" y="-168"/>
                    <a:pt x="156088" y="23"/>
                  </a:cubicBezTo>
                  <a:lnTo>
                    <a:pt x="186482" y="23"/>
                  </a:lnTo>
                  <a:cubicBezTo>
                    <a:pt x="187559" y="-44"/>
                    <a:pt x="188587" y="432"/>
                    <a:pt x="189226" y="1299"/>
                  </a:cubicBezTo>
                  <a:cubicBezTo>
                    <a:pt x="189835" y="2270"/>
                    <a:pt x="189768" y="3528"/>
                    <a:pt x="189044" y="4423"/>
                  </a:cubicBezTo>
                  <a:lnTo>
                    <a:pt x="112501" y="147612"/>
                  </a:lnTo>
                  <a:cubicBezTo>
                    <a:pt x="112187" y="148165"/>
                    <a:pt x="112054" y="148813"/>
                    <a:pt x="112140" y="149441"/>
                  </a:cubicBezTo>
                  <a:lnTo>
                    <a:pt x="112140" y="252359"/>
                  </a:lnTo>
                  <a:cubicBezTo>
                    <a:pt x="112397" y="254131"/>
                    <a:pt x="111168" y="255769"/>
                    <a:pt x="109396" y="256026"/>
                  </a:cubicBezTo>
                  <a:cubicBezTo>
                    <a:pt x="109092" y="256074"/>
                    <a:pt x="108777" y="256074"/>
                    <a:pt x="108473" y="256026"/>
                  </a:cubicBezTo>
                  <a:lnTo>
                    <a:pt x="80640" y="256026"/>
                  </a:lnTo>
                  <a:cubicBezTo>
                    <a:pt x="78878" y="256312"/>
                    <a:pt x="77211" y="255102"/>
                    <a:pt x="76935" y="253340"/>
                  </a:cubicBezTo>
                  <a:cubicBezTo>
                    <a:pt x="76878" y="253016"/>
                    <a:pt x="76878" y="252683"/>
                    <a:pt x="76926" y="25235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72E2E4E7-1FA6-9A46-B122-AFE989811FC7}"/>
                </a:ext>
              </a:extLst>
            </p:cNvPr>
            <p:cNvSpPr/>
            <p:nvPr/>
          </p:nvSpPr>
          <p:spPr bwMode="gray">
            <a:xfrm>
              <a:off x="4348292" y="2005810"/>
              <a:ext cx="175630" cy="256632"/>
            </a:xfrm>
            <a:custGeom>
              <a:avLst/>
              <a:gdLst>
                <a:gd name="connsiteX0" fmla="*/ 136643 w 175630"/>
                <a:gd name="connsiteY0" fmla="*/ 125056 h 256632"/>
                <a:gd name="connsiteX1" fmla="*/ 175467 w 175630"/>
                <a:gd name="connsiteY1" fmla="*/ 186216 h 256632"/>
                <a:gd name="connsiteX2" fmla="*/ 153131 w 175630"/>
                <a:gd name="connsiteY2" fmla="*/ 238223 h 256632"/>
                <a:gd name="connsiteX3" fmla="*/ 94895 w 175630"/>
                <a:gd name="connsiteY3" fmla="*/ 256540 h 256632"/>
                <a:gd name="connsiteX4" fmla="*/ 3703 w 175630"/>
                <a:gd name="connsiteY4" fmla="*/ 256540 h 256632"/>
                <a:gd name="connsiteX5" fmla="*/ 36 w 175630"/>
                <a:gd name="connsiteY5" fmla="*/ 253796 h 256632"/>
                <a:gd name="connsiteX6" fmla="*/ 36 w 175630"/>
                <a:gd name="connsiteY6" fmla="*/ 252872 h 256632"/>
                <a:gd name="connsiteX7" fmla="*/ 36 w 175630"/>
                <a:gd name="connsiteY7" fmla="*/ 3832 h 256632"/>
                <a:gd name="connsiteX8" fmla="*/ 2788 w 175630"/>
                <a:gd name="connsiteY8" fmla="*/ 174 h 256632"/>
                <a:gd name="connsiteX9" fmla="*/ 3703 w 175630"/>
                <a:gd name="connsiteY9" fmla="*/ 174 h 256632"/>
                <a:gd name="connsiteX10" fmla="*/ 91962 w 175630"/>
                <a:gd name="connsiteY10" fmla="*/ 174 h 256632"/>
                <a:gd name="connsiteX11" fmla="*/ 151112 w 175630"/>
                <a:gd name="connsiteY11" fmla="*/ 17567 h 256632"/>
                <a:gd name="connsiteX12" fmla="*/ 172171 w 175630"/>
                <a:gd name="connsiteY12" fmla="*/ 68287 h 256632"/>
                <a:gd name="connsiteX13" fmla="*/ 136643 w 175630"/>
                <a:gd name="connsiteY13" fmla="*/ 122866 h 256632"/>
                <a:gd name="connsiteX14" fmla="*/ 136643 w 175630"/>
                <a:gd name="connsiteY14" fmla="*/ 125056 h 256632"/>
                <a:gd name="connsiteX15" fmla="*/ 35202 w 175630"/>
                <a:gd name="connsiteY15" fmla="*/ 32026 h 256632"/>
                <a:gd name="connsiteX16" fmla="*/ 35202 w 175630"/>
                <a:gd name="connsiteY16" fmla="*/ 109350 h 256632"/>
                <a:gd name="connsiteX17" fmla="*/ 36297 w 175630"/>
                <a:gd name="connsiteY17" fmla="*/ 110816 h 256632"/>
                <a:gd name="connsiteX18" fmla="*/ 36669 w 175630"/>
                <a:gd name="connsiteY18" fmla="*/ 110816 h 256632"/>
                <a:gd name="connsiteX19" fmla="*/ 91962 w 175630"/>
                <a:gd name="connsiteY19" fmla="*/ 110816 h 256632"/>
                <a:gd name="connsiteX20" fmla="*/ 125480 w 175630"/>
                <a:gd name="connsiteY20" fmla="*/ 100196 h 256632"/>
                <a:gd name="connsiteX21" fmla="*/ 137739 w 175630"/>
                <a:gd name="connsiteY21" fmla="*/ 71259 h 256632"/>
                <a:gd name="connsiteX22" fmla="*/ 125480 w 175630"/>
                <a:gd name="connsiteY22" fmla="*/ 41589 h 256632"/>
                <a:gd name="connsiteX23" fmla="*/ 91962 w 175630"/>
                <a:gd name="connsiteY23" fmla="*/ 30606 h 256632"/>
                <a:gd name="connsiteX24" fmla="*/ 36669 w 175630"/>
                <a:gd name="connsiteY24" fmla="*/ 30606 h 256632"/>
                <a:gd name="connsiteX25" fmla="*/ 35212 w 175630"/>
                <a:gd name="connsiteY25" fmla="*/ 31711 h 256632"/>
                <a:gd name="connsiteX26" fmla="*/ 35202 w 175630"/>
                <a:gd name="connsiteY26" fmla="*/ 32026 h 256632"/>
                <a:gd name="connsiteX27" fmla="*/ 128042 w 175630"/>
                <a:gd name="connsiteY27" fmla="*/ 214229 h 256632"/>
                <a:gd name="connsiteX28" fmla="*/ 127852 w 175630"/>
                <a:gd name="connsiteY28" fmla="*/ 151612 h 256632"/>
                <a:gd name="connsiteX29" fmla="*/ 93800 w 175630"/>
                <a:gd name="connsiteY29" fmla="*/ 140068 h 256632"/>
                <a:gd name="connsiteX30" fmla="*/ 36650 w 175630"/>
                <a:gd name="connsiteY30" fmla="*/ 140068 h 256632"/>
                <a:gd name="connsiteX31" fmla="*/ 35183 w 175630"/>
                <a:gd name="connsiteY31" fmla="*/ 141163 h 256632"/>
                <a:gd name="connsiteX32" fmla="*/ 35183 w 175630"/>
                <a:gd name="connsiteY32" fmla="*/ 141535 h 256632"/>
                <a:gd name="connsiteX33" fmla="*/ 35183 w 175630"/>
                <a:gd name="connsiteY33" fmla="*/ 224307 h 256632"/>
                <a:gd name="connsiteX34" fmla="*/ 36278 w 175630"/>
                <a:gd name="connsiteY34" fmla="*/ 225774 h 256632"/>
                <a:gd name="connsiteX35" fmla="*/ 36650 w 175630"/>
                <a:gd name="connsiteY35" fmla="*/ 225774 h 256632"/>
                <a:gd name="connsiteX36" fmla="*/ 94933 w 175630"/>
                <a:gd name="connsiteY36" fmla="*/ 225774 h 256632"/>
                <a:gd name="connsiteX37" fmla="*/ 128042 w 175630"/>
                <a:gd name="connsiteY37" fmla="*/ 214229 h 2566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175630" h="256632">
                  <a:moveTo>
                    <a:pt x="136643" y="125056"/>
                  </a:moveTo>
                  <a:cubicBezTo>
                    <a:pt x="161656" y="134658"/>
                    <a:pt x="177420" y="159499"/>
                    <a:pt x="175467" y="186216"/>
                  </a:cubicBezTo>
                  <a:cubicBezTo>
                    <a:pt x="176601" y="206095"/>
                    <a:pt x="168323" y="225355"/>
                    <a:pt x="153131" y="238223"/>
                  </a:cubicBezTo>
                  <a:cubicBezTo>
                    <a:pt x="136491" y="251005"/>
                    <a:pt x="115860" y="257501"/>
                    <a:pt x="94895" y="256540"/>
                  </a:cubicBezTo>
                  <a:lnTo>
                    <a:pt x="3703" y="256540"/>
                  </a:lnTo>
                  <a:cubicBezTo>
                    <a:pt x="1931" y="256796"/>
                    <a:pt x="293" y="255568"/>
                    <a:pt x="36" y="253796"/>
                  </a:cubicBezTo>
                  <a:cubicBezTo>
                    <a:pt x="-12" y="253491"/>
                    <a:pt x="-12" y="253177"/>
                    <a:pt x="36" y="252872"/>
                  </a:cubicBezTo>
                  <a:lnTo>
                    <a:pt x="36" y="3832"/>
                  </a:lnTo>
                  <a:cubicBezTo>
                    <a:pt x="-212" y="2060"/>
                    <a:pt x="1017" y="422"/>
                    <a:pt x="2788" y="174"/>
                  </a:cubicBezTo>
                  <a:cubicBezTo>
                    <a:pt x="3093" y="126"/>
                    <a:pt x="3398" y="126"/>
                    <a:pt x="3703" y="174"/>
                  </a:cubicBezTo>
                  <a:lnTo>
                    <a:pt x="91962" y="174"/>
                  </a:lnTo>
                  <a:cubicBezTo>
                    <a:pt x="113107" y="-1140"/>
                    <a:pt x="134043" y="5022"/>
                    <a:pt x="151112" y="17567"/>
                  </a:cubicBezTo>
                  <a:cubicBezTo>
                    <a:pt x="165647" y="30273"/>
                    <a:pt x="173429" y="49028"/>
                    <a:pt x="172171" y="68287"/>
                  </a:cubicBezTo>
                  <a:cubicBezTo>
                    <a:pt x="173696" y="92328"/>
                    <a:pt x="159246" y="114522"/>
                    <a:pt x="136643" y="122866"/>
                  </a:cubicBezTo>
                  <a:cubicBezTo>
                    <a:pt x="135424" y="123637"/>
                    <a:pt x="135424" y="124323"/>
                    <a:pt x="136643" y="125056"/>
                  </a:cubicBezTo>
                  <a:close/>
                  <a:moveTo>
                    <a:pt x="35202" y="32026"/>
                  </a:moveTo>
                  <a:lnTo>
                    <a:pt x="35202" y="109350"/>
                  </a:lnTo>
                  <a:cubicBezTo>
                    <a:pt x="35097" y="110054"/>
                    <a:pt x="35593" y="110712"/>
                    <a:pt x="36297" y="110816"/>
                  </a:cubicBezTo>
                  <a:cubicBezTo>
                    <a:pt x="36421" y="110835"/>
                    <a:pt x="36545" y="110835"/>
                    <a:pt x="36669" y="110816"/>
                  </a:cubicBezTo>
                  <a:lnTo>
                    <a:pt x="91962" y="110816"/>
                  </a:lnTo>
                  <a:cubicBezTo>
                    <a:pt x="104058" y="111493"/>
                    <a:pt x="115984" y="107721"/>
                    <a:pt x="125480" y="100196"/>
                  </a:cubicBezTo>
                  <a:cubicBezTo>
                    <a:pt x="133748" y="92909"/>
                    <a:pt x="138253" y="82270"/>
                    <a:pt x="137739" y="71259"/>
                  </a:cubicBezTo>
                  <a:cubicBezTo>
                    <a:pt x="138253" y="60039"/>
                    <a:pt x="133767" y="49171"/>
                    <a:pt x="125480" y="41589"/>
                  </a:cubicBezTo>
                  <a:cubicBezTo>
                    <a:pt x="116079" y="33854"/>
                    <a:pt x="104115" y="29930"/>
                    <a:pt x="91962" y="30606"/>
                  </a:cubicBezTo>
                  <a:lnTo>
                    <a:pt x="36669" y="30606"/>
                  </a:lnTo>
                  <a:cubicBezTo>
                    <a:pt x="35964" y="30511"/>
                    <a:pt x="35307" y="31006"/>
                    <a:pt x="35212" y="31711"/>
                  </a:cubicBezTo>
                  <a:cubicBezTo>
                    <a:pt x="35193" y="31816"/>
                    <a:pt x="35193" y="31921"/>
                    <a:pt x="35202" y="32026"/>
                  </a:cubicBezTo>
                  <a:close/>
                  <a:moveTo>
                    <a:pt x="128042" y="214229"/>
                  </a:moveTo>
                  <a:cubicBezTo>
                    <a:pt x="144473" y="196561"/>
                    <a:pt x="144387" y="169176"/>
                    <a:pt x="127852" y="151612"/>
                  </a:cubicBezTo>
                  <a:cubicBezTo>
                    <a:pt x="118422" y="143506"/>
                    <a:pt x="106220" y="139372"/>
                    <a:pt x="93800" y="140068"/>
                  </a:cubicBezTo>
                  <a:lnTo>
                    <a:pt x="36650" y="140068"/>
                  </a:lnTo>
                  <a:cubicBezTo>
                    <a:pt x="35945" y="139963"/>
                    <a:pt x="35288" y="140458"/>
                    <a:pt x="35183" y="141163"/>
                  </a:cubicBezTo>
                  <a:cubicBezTo>
                    <a:pt x="35164" y="141287"/>
                    <a:pt x="35164" y="141411"/>
                    <a:pt x="35183" y="141535"/>
                  </a:cubicBezTo>
                  <a:lnTo>
                    <a:pt x="35183" y="224307"/>
                  </a:lnTo>
                  <a:cubicBezTo>
                    <a:pt x="35078" y="225012"/>
                    <a:pt x="35573" y="225669"/>
                    <a:pt x="36278" y="225774"/>
                  </a:cubicBezTo>
                  <a:cubicBezTo>
                    <a:pt x="36402" y="225793"/>
                    <a:pt x="36526" y="225793"/>
                    <a:pt x="36650" y="225774"/>
                  </a:cubicBezTo>
                  <a:lnTo>
                    <a:pt x="94933" y="225774"/>
                  </a:lnTo>
                  <a:cubicBezTo>
                    <a:pt x="107059" y="226402"/>
                    <a:pt x="118936" y="222259"/>
                    <a:pt x="128042" y="21422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C0DEB028-EB20-7742-A16C-32C3DAB3F490}"/>
                </a:ext>
              </a:extLst>
            </p:cNvPr>
            <p:cNvSpPr/>
            <p:nvPr/>
          </p:nvSpPr>
          <p:spPr bwMode="gray">
            <a:xfrm>
              <a:off x="4610153" y="2005948"/>
              <a:ext cx="170368" cy="256435"/>
            </a:xfrm>
            <a:custGeom>
              <a:avLst/>
              <a:gdLst>
                <a:gd name="connsiteX0" fmla="*/ 166676 w 170368"/>
                <a:gd name="connsiteY0" fmla="*/ 30430 h 256435"/>
                <a:gd name="connsiteX1" fmla="*/ 36659 w 170368"/>
                <a:gd name="connsiteY1" fmla="*/ 30430 h 256435"/>
                <a:gd name="connsiteX2" fmla="*/ 35202 w 170368"/>
                <a:gd name="connsiteY2" fmla="*/ 31516 h 256435"/>
                <a:gd name="connsiteX3" fmla="*/ 35202 w 170368"/>
                <a:gd name="connsiteY3" fmla="*/ 31887 h 256435"/>
                <a:gd name="connsiteX4" fmla="*/ 35202 w 170368"/>
                <a:gd name="connsiteY4" fmla="*/ 110640 h 256435"/>
                <a:gd name="connsiteX5" fmla="*/ 36269 w 170368"/>
                <a:gd name="connsiteY5" fmla="*/ 112097 h 256435"/>
                <a:gd name="connsiteX6" fmla="*/ 36659 w 170368"/>
                <a:gd name="connsiteY6" fmla="*/ 112097 h 256435"/>
                <a:gd name="connsiteX7" fmla="*/ 126023 w 170368"/>
                <a:gd name="connsiteY7" fmla="*/ 112097 h 256435"/>
                <a:gd name="connsiteX8" fmla="*/ 129680 w 170368"/>
                <a:gd name="connsiteY8" fmla="*/ 114850 h 256435"/>
                <a:gd name="connsiteX9" fmla="*/ 129680 w 170368"/>
                <a:gd name="connsiteY9" fmla="*/ 115764 h 256435"/>
                <a:gd name="connsiteX10" fmla="*/ 129680 w 170368"/>
                <a:gd name="connsiteY10" fmla="*/ 138834 h 256435"/>
                <a:gd name="connsiteX11" fmla="*/ 126937 w 170368"/>
                <a:gd name="connsiteY11" fmla="*/ 142501 h 256435"/>
                <a:gd name="connsiteX12" fmla="*/ 126023 w 170368"/>
                <a:gd name="connsiteY12" fmla="*/ 142501 h 256435"/>
                <a:gd name="connsiteX13" fmla="*/ 36659 w 170368"/>
                <a:gd name="connsiteY13" fmla="*/ 142501 h 256435"/>
                <a:gd name="connsiteX14" fmla="*/ 35202 w 170368"/>
                <a:gd name="connsiteY14" fmla="*/ 143587 h 256435"/>
                <a:gd name="connsiteX15" fmla="*/ 35202 w 170368"/>
                <a:gd name="connsiteY15" fmla="*/ 143968 h 256435"/>
                <a:gd name="connsiteX16" fmla="*/ 35202 w 170368"/>
                <a:gd name="connsiteY16" fmla="*/ 224540 h 256435"/>
                <a:gd name="connsiteX17" fmla="*/ 36269 w 170368"/>
                <a:gd name="connsiteY17" fmla="*/ 225997 h 256435"/>
                <a:gd name="connsiteX18" fmla="*/ 36659 w 170368"/>
                <a:gd name="connsiteY18" fmla="*/ 225997 h 256435"/>
                <a:gd name="connsiteX19" fmla="*/ 166676 w 170368"/>
                <a:gd name="connsiteY19" fmla="*/ 225997 h 256435"/>
                <a:gd name="connsiteX20" fmla="*/ 170333 w 170368"/>
                <a:gd name="connsiteY20" fmla="*/ 228750 h 256435"/>
                <a:gd name="connsiteX21" fmla="*/ 170333 w 170368"/>
                <a:gd name="connsiteY21" fmla="*/ 229664 h 256435"/>
                <a:gd name="connsiteX22" fmla="*/ 170333 w 170368"/>
                <a:gd name="connsiteY22" fmla="*/ 252734 h 256435"/>
                <a:gd name="connsiteX23" fmla="*/ 167590 w 170368"/>
                <a:gd name="connsiteY23" fmla="*/ 256401 h 256435"/>
                <a:gd name="connsiteX24" fmla="*/ 166676 w 170368"/>
                <a:gd name="connsiteY24" fmla="*/ 256401 h 256435"/>
                <a:gd name="connsiteX25" fmla="*/ 3703 w 170368"/>
                <a:gd name="connsiteY25" fmla="*/ 256401 h 256435"/>
                <a:gd name="connsiteX26" fmla="*/ 36 w 170368"/>
                <a:gd name="connsiteY26" fmla="*/ 253658 h 256435"/>
                <a:gd name="connsiteX27" fmla="*/ 36 w 170368"/>
                <a:gd name="connsiteY27" fmla="*/ 252734 h 256435"/>
                <a:gd name="connsiteX28" fmla="*/ 36 w 170368"/>
                <a:gd name="connsiteY28" fmla="*/ 3693 h 256435"/>
                <a:gd name="connsiteX29" fmla="*/ 2788 w 170368"/>
                <a:gd name="connsiteY29" fmla="*/ 36 h 256435"/>
                <a:gd name="connsiteX30" fmla="*/ 3703 w 170368"/>
                <a:gd name="connsiteY30" fmla="*/ 36 h 256435"/>
                <a:gd name="connsiteX31" fmla="*/ 166676 w 170368"/>
                <a:gd name="connsiteY31" fmla="*/ 36 h 256435"/>
                <a:gd name="connsiteX32" fmla="*/ 170333 w 170368"/>
                <a:gd name="connsiteY32" fmla="*/ 2788 h 256435"/>
                <a:gd name="connsiteX33" fmla="*/ 170333 w 170368"/>
                <a:gd name="connsiteY33" fmla="*/ 3693 h 256435"/>
                <a:gd name="connsiteX34" fmla="*/ 170333 w 170368"/>
                <a:gd name="connsiteY34" fmla="*/ 26763 h 256435"/>
                <a:gd name="connsiteX35" fmla="*/ 167590 w 170368"/>
                <a:gd name="connsiteY35" fmla="*/ 30430 h 256435"/>
                <a:gd name="connsiteX36" fmla="*/ 166676 w 170368"/>
                <a:gd name="connsiteY36" fmla="*/ 30430 h 2564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0368" h="256435">
                  <a:moveTo>
                    <a:pt x="166676" y="30430"/>
                  </a:moveTo>
                  <a:lnTo>
                    <a:pt x="36659" y="30430"/>
                  </a:lnTo>
                  <a:cubicBezTo>
                    <a:pt x="35954" y="30325"/>
                    <a:pt x="35307" y="30811"/>
                    <a:pt x="35202" y="31516"/>
                  </a:cubicBezTo>
                  <a:cubicBezTo>
                    <a:pt x="35183" y="31640"/>
                    <a:pt x="35183" y="31763"/>
                    <a:pt x="35202" y="31887"/>
                  </a:cubicBezTo>
                  <a:lnTo>
                    <a:pt x="35202" y="110640"/>
                  </a:lnTo>
                  <a:cubicBezTo>
                    <a:pt x="35097" y="111335"/>
                    <a:pt x="35573" y="111993"/>
                    <a:pt x="36269" y="112097"/>
                  </a:cubicBezTo>
                  <a:cubicBezTo>
                    <a:pt x="36393" y="112116"/>
                    <a:pt x="36526" y="112116"/>
                    <a:pt x="36659" y="112097"/>
                  </a:cubicBezTo>
                  <a:lnTo>
                    <a:pt x="126023" y="112097"/>
                  </a:lnTo>
                  <a:cubicBezTo>
                    <a:pt x="127795" y="111850"/>
                    <a:pt x="129433" y="113078"/>
                    <a:pt x="129680" y="114850"/>
                  </a:cubicBezTo>
                  <a:cubicBezTo>
                    <a:pt x="129728" y="115155"/>
                    <a:pt x="129728" y="115460"/>
                    <a:pt x="129680" y="115764"/>
                  </a:cubicBezTo>
                  <a:lnTo>
                    <a:pt x="129680" y="138834"/>
                  </a:lnTo>
                  <a:cubicBezTo>
                    <a:pt x="129938" y="140606"/>
                    <a:pt x="128709" y="142244"/>
                    <a:pt x="126937" y="142501"/>
                  </a:cubicBezTo>
                  <a:cubicBezTo>
                    <a:pt x="126632" y="142539"/>
                    <a:pt x="126328" y="142539"/>
                    <a:pt x="126023" y="142501"/>
                  </a:cubicBezTo>
                  <a:lnTo>
                    <a:pt x="36659" y="142501"/>
                  </a:lnTo>
                  <a:cubicBezTo>
                    <a:pt x="35954" y="142396"/>
                    <a:pt x="35307" y="142882"/>
                    <a:pt x="35202" y="143587"/>
                  </a:cubicBezTo>
                  <a:cubicBezTo>
                    <a:pt x="35183" y="143711"/>
                    <a:pt x="35183" y="143844"/>
                    <a:pt x="35202" y="143968"/>
                  </a:cubicBezTo>
                  <a:lnTo>
                    <a:pt x="35202" y="224540"/>
                  </a:lnTo>
                  <a:cubicBezTo>
                    <a:pt x="35097" y="225235"/>
                    <a:pt x="35573" y="225893"/>
                    <a:pt x="36269" y="225997"/>
                  </a:cubicBezTo>
                  <a:cubicBezTo>
                    <a:pt x="36393" y="226016"/>
                    <a:pt x="36526" y="226016"/>
                    <a:pt x="36659" y="225997"/>
                  </a:cubicBezTo>
                  <a:lnTo>
                    <a:pt x="166676" y="225997"/>
                  </a:lnTo>
                  <a:cubicBezTo>
                    <a:pt x="168447" y="225750"/>
                    <a:pt x="170086" y="226978"/>
                    <a:pt x="170333" y="228750"/>
                  </a:cubicBezTo>
                  <a:cubicBezTo>
                    <a:pt x="170381" y="229055"/>
                    <a:pt x="170381" y="229360"/>
                    <a:pt x="170333" y="229664"/>
                  </a:cubicBezTo>
                  <a:lnTo>
                    <a:pt x="170333" y="252734"/>
                  </a:lnTo>
                  <a:cubicBezTo>
                    <a:pt x="170590" y="254506"/>
                    <a:pt x="169361" y="256144"/>
                    <a:pt x="167590" y="256401"/>
                  </a:cubicBezTo>
                  <a:cubicBezTo>
                    <a:pt x="167285" y="256439"/>
                    <a:pt x="166980" y="256439"/>
                    <a:pt x="166676" y="256401"/>
                  </a:cubicBezTo>
                  <a:lnTo>
                    <a:pt x="3703" y="256401"/>
                  </a:lnTo>
                  <a:cubicBezTo>
                    <a:pt x="1931" y="256658"/>
                    <a:pt x="293" y="255429"/>
                    <a:pt x="36" y="253658"/>
                  </a:cubicBezTo>
                  <a:cubicBezTo>
                    <a:pt x="-12" y="253353"/>
                    <a:pt x="-12" y="253039"/>
                    <a:pt x="36" y="252734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66676" y="36"/>
                  </a:lnTo>
                  <a:cubicBezTo>
                    <a:pt x="168447" y="-212"/>
                    <a:pt x="170086" y="1017"/>
                    <a:pt x="170333" y="2788"/>
                  </a:cubicBezTo>
                  <a:cubicBezTo>
                    <a:pt x="170371" y="3093"/>
                    <a:pt x="170371" y="3398"/>
                    <a:pt x="170333" y="3693"/>
                  </a:cubicBezTo>
                  <a:lnTo>
                    <a:pt x="170333" y="26763"/>
                  </a:lnTo>
                  <a:cubicBezTo>
                    <a:pt x="170590" y="28535"/>
                    <a:pt x="169361" y="30173"/>
                    <a:pt x="167590" y="30430"/>
                  </a:cubicBezTo>
                  <a:cubicBezTo>
                    <a:pt x="167285" y="30468"/>
                    <a:pt x="166980" y="30468"/>
                    <a:pt x="166676" y="30430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501ED196-A83E-944F-B2D2-A6F252C63CE3}"/>
                </a:ext>
              </a:extLst>
            </p:cNvPr>
            <p:cNvSpPr/>
            <p:nvPr/>
          </p:nvSpPr>
          <p:spPr bwMode="gray">
            <a:xfrm>
              <a:off x="4862489" y="2005948"/>
              <a:ext cx="178088" cy="256425"/>
            </a:xfrm>
            <a:custGeom>
              <a:avLst/>
              <a:gdLst>
                <a:gd name="connsiteX0" fmla="*/ 142130 w 178088"/>
                <a:gd name="connsiteY0" fmla="*/ 253829 h 256425"/>
                <a:gd name="connsiteX1" fmla="*/ 90856 w 178088"/>
                <a:gd name="connsiteY1" fmla="*/ 144292 h 256425"/>
                <a:gd name="connsiteX2" fmla="*/ 89399 w 178088"/>
                <a:gd name="connsiteY2" fmla="*/ 143196 h 256425"/>
                <a:gd name="connsiteX3" fmla="*/ 36659 w 178088"/>
                <a:gd name="connsiteY3" fmla="*/ 143196 h 256425"/>
                <a:gd name="connsiteX4" fmla="*/ 35192 w 178088"/>
                <a:gd name="connsiteY4" fmla="*/ 144292 h 256425"/>
                <a:gd name="connsiteX5" fmla="*/ 35192 w 178088"/>
                <a:gd name="connsiteY5" fmla="*/ 144654 h 256425"/>
                <a:gd name="connsiteX6" fmla="*/ 35192 w 178088"/>
                <a:gd name="connsiteY6" fmla="*/ 252696 h 256425"/>
                <a:gd name="connsiteX7" fmla="*/ 32449 w 178088"/>
                <a:gd name="connsiteY7" fmla="*/ 256363 h 256425"/>
                <a:gd name="connsiteX8" fmla="*/ 31525 w 178088"/>
                <a:gd name="connsiteY8" fmla="*/ 256363 h 256425"/>
                <a:gd name="connsiteX9" fmla="*/ 3703 w 178088"/>
                <a:gd name="connsiteY9" fmla="*/ 256363 h 256425"/>
                <a:gd name="connsiteX10" fmla="*/ 36 w 178088"/>
                <a:gd name="connsiteY10" fmla="*/ 253620 h 256425"/>
                <a:gd name="connsiteX11" fmla="*/ 36 w 178088"/>
                <a:gd name="connsiteY11" fmla="*/ 252696 h 256425"/>
                <a:gd name="connsiteX12" fmla="*/ 36 w 178088"/>
                <a:gd name="connsiteY12" fmla="*/ 3693 h 256425"/>
                <a:gd name="connsiteX13" fmla="*/ 2788 w 178088"/>
                <a:gd name="connsiteY13" fmla="*/ 36 h 256425"/>
                <a:gd name="connsiteX14" fmla="*/ 3703 w 178088"/>
                <a:gd name="connsiteY14" fmla="*/ 36 h 256425"/>
                <a:gd name="connsiteX15" fmla="*/ 102210 w 178088"/>
                <a:gd name="connsiteY15" fmla="*/ 36 h 256425"/>
                <a:gd name="connsiteX16" fmla="*/ 140853 w 178088"/>
                <a:gd name="connsiteY16" fmla="*/ 9189 h 256425"/>
                <a:gd name="connsiteX17" fmla="*/ 166666 w 178088"/>
                <a:gd name="connsiteY17" fmla="*/ 34821 h 256425"/>
                <a:gd name="connsiteX18" fmla="*/ 175829 w 178088"/>
                <a:gd name="connsiteY18" fmla="*/ 72921 h 256425"/>
                <a:gd name="connsiteX19" fmla="*/ 162494 w 178088"/>
                <a:gd name="connsiteY19" fmla="*/ 116326 h 256425"/>
                <a:gd name="connsiteX20" fmla="*/ 125346 w 178088"/>
                <a:gd name="connsiteY20" fmla="*/ 140310 h 256425"/>
                <a:gd name="connsiteX21" fmla="*/ 124613 w 178088"/>
                <a:gd name="connsiteY21" fmla="*/ 142149 h 256425"/>
                <a:gd name="connsiteX22" fmla="*/ 177715 w 178088"/>
                <a:gd name="connsiteY22" fmla="*/ 252020 h 256425"/>
                <a:gd name="connsiteX23" fmla="*/ 178087 w 178088"/>
                <a:gd name="connsiteY23" fmla="*/ 253839 h 256425"/>
                <a:gd name="connsiteX24" fmla="*/ 175153 w 178088"/>
                <a:gd name="connsiteY24" fmla="*/ 256411 h 256425"/>
                <a:gd name="connsiteX25" fmla="*/ 146225 w 178088"/>
                <a:gd name="connsiteY25" fmla="*/ 256411 h 256425"/>
                <a:gd name="connsiteX26" fmla="*/ 142130 w 178088"/>
                <a:gd name="connsiteY26" fmla="*/ 253829 h 256425"/>
                <a:gd name="connsiteX27" fmla="*/ 35192 w 178088"/>
                <a:gd name="connsiteY27" fmla="*/ 31897 h 256425"/>
                <a:gd name="connsiteX28" fmla="*/ 35192 w 178088"/>
                <a:gd name="connsiteY28" fmla="*/ 113974 h 256425"/>
                <a:gd name="connsiteX29" fmla="*/ 36297 w 178088"/>
                <a:gd name="connsiteY29" fmla="*/ 115431 h 256425"/>
                <a:gd name="connsiteX30" fmla="*/ 36659 w 178088"/>
                <a:gd name="connsiteY30" fmla="*/ 115431 h 256425"/>
                <a:gd name="connsiteX31" fmla="*/ 97819 w 178088"/>
                <a:gd name="connsiteY31" fmla="*/ 115431 h 256425"/>
                <a:gd name="connsiteX32" fmla="*/ 128947 w 178088"/>
                <a:gd name="connsiteY32" fmla="*/ 103896 h 256425"/>
                <a:gd name="connsiteX33" fmla="*/ 140663 w 178088"/>
                <a:gd name="connsiteY33" fmla="*/ 73321 h 256425"/>
                <a:gd name="connsiteX34" fmla="*/ 103077 w 178088"/>
                <a:gd name="connsiteY34" fmla="*/ 30459 h 256425"/>
                <a:gd name="connsiteX35" fmla="*/ 97800 w 178088"/>
                <a:gd name="connsiteY35" fmla="*/ 30459 h 256425"/>
                <a:gd name="connsiteX36" fmla="*/ 36640 w 178088"/>
                <a:gd name="connsiteY36" fmla="*/ 30459 h 256425"/>
                <a:gd name="connsiteX37" fmla="*/ 35192 w 178088"/>
                <a:gd name="connsiteY37" fmla="*/ 31583 h 256425"/>
                <a:gd name="connsiteX38" fmla="*/ 35192 w 178088"/>
                <a:gd name="connsiteY38" fmla="*/ 31887 h 2564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78088" h="256425">
                  <a:moveTo>
                    <a:pt x="142130" y="253829"/>
                  </a:moveTo>
                  <a:lnTo>
                    <a:pt x="90856" y="144292"/>
                  </a:lnTo>
                  <a:cubicBezTo>
                    <a:pt x="90704" y="143625"/>
                    <a:pt x="90085" y="143158"/>
                    <a:pt x="89399" y="143196"/>
                  </a:cubicBezTo>
                  <a:lnTo>
                    <a:pt x="36659" y="143196"/>
                  </a:lnTo>
                  <a:cubicBezTo>
                    <a:pt x="35954" y="143092"/>
                    <a:pt x="35297" y="143587"/>
                    <a:pt x="35192" y="144292"/>
                  </a:cubicBezTo>
                  <a:cubicBezTo>
                    <a:pt x="35173" y="144416"/>
                    <a:pt x="35173" y="144540"/>
                    <a:pt x="35192" y="144654"/>
                  </a:cubicBezTo>
                  <a:lnTo>
                    <a:pt x="35192" y="252696"/>
                  </a:lnTo>
                  <a:cubicBezTo>
                    <a:pt x="35450" y="254468"/>
                    <a:pt x="34221" y="256106"/>
                    <a:pt x="32449" y="256363"/>
                  </a:cubicBezTo>
                  <a:cubicBezTo>
                    <a:pt x="32144" y="256411"/>
                    <a:pt x="31830" y="256411"/>
                    <a:pt x="31525" y="256363"/>
                  </a:cubicBezTo>
                  <a:lnTo>
                    <a:pt x="3703" y="256363"/>
                  </a:lnTo>
                  <a:cubicBezTo>
                    <a:pt x="1931" y="256620"/>
                    <a:pt x="293" y="255391"/>
                    <a:pt x="36" y="253620"/>
                  </a:cubicBezTo>
                  <a:cubicBezTo>
                    <a:pt x="-12" y="253315"/>
                    <a:pt x="-12" y="253001"/>
                    <a:pt x="36" y="252696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02210" y="36"/>
                  </a:lnTo>
                  <a:cubicBezTo>
                    <a:pt x="115660" y="-250"/>
                    <a:pt x="128956" y="2903"/>
                    <a:pt x="140853" y="9189"/>
                  </a:cubicBezTo>
                  <a:cubicBezTo>
                    <a:pt x="151740" y="15076"/>
                    <a:pt x="160703" y="23972"/>
                    <a:pt x="166666" y="34821"/>
                  </a:cubicBezTo>
                  <a:cubicBezTo>
                    <a:pt x="172953" y="46518"/>
                    <a:pt x="176105" y="59643"/>
                    <a:pt x="175829" y="72921"/>
                  </a:cubicBezTo>
                  <a:cubicBezTo>
                    <a:pt x="176324" y="88466"/>
                    <a:pt x="171628" y="103734"/>
                    <a:pt x="162494" y="116326"/>
                  </a:cubicBezTo>
                  <a:cubicBezTo>
                    <a:pt x="153255" y="128376"/>
                    <a:pt x="140129" y="136853"/>
                    <a:pt x="125346" y="140310"/>
                  </a:cubicBezTo>
                  <a:cubicBezTo>
                    <a:pt x="124394" y="140806"/>
                    <a:pt x="124118" y="141406"/>
                    <a:pt x="124613" y="142149"/>
                  </a:cubicBezTo>
                  <a:lnTo>
                    <a:pt x="177715" y="252020"/>
                  </a:lnTo>
                  <a:cubicBezTo>
                    <a:pt x="177972" y="252591"/>
                    <a:pt x="178105" y="253210"/>
                    <a:pt x="178087" y="253839"/>
                  </a:cubicBezTo>
                  <a:cubicBezTo>
                    <a:pt x="178087" y="255553"/>
                    <a:pt x="177134" y="256411"/>
                    <a:pt x="175153" y="256411"/>
                  </a:cubicBezTo>
                  <a:lnTo>
                    <a:pt x="146225" y="256411"/>
                  </a:lnTo>
                  <a:cubicBezTo>
                    <a:pt x="144435" y="256563"/>
                    <a:pt x="142768" y="255506"/>
                    <a:pt x="142130" y="253829"/>
                  </a:cubicBezTo>
                  <a:close/>
                  <a:moveTo>
                    <a:pt x="35192" y="31897"/>
                  </a:moveTo>
                  <a:lnTo>
                    <a:pt x="35192" y="113974"/>
                  </a:lnTo>
                  <a:cubicBezTo>
                    <a:pt x="35097" y="114679"/>
                    <a:pt x="35592" y="115336"/>
                    <a:pt x="36297" y="115431"/>
                  </a:cubicBezTo>
                  <a:cubicBezTo>
                    <a:pt x="36421" y="115450"/>
                    <a:pt x="36545" y="115450"/>
                    <a:pt x="36659" y="115431"/>
                  </a:cubicBezTo>
                  <a:lnTo>
                    <a:pt x="97819" y="115431"/>
                  </a:lnTo>
                  <a:cubicBezTo>
                    <a:pt x="109335" y="115974"/>
                    <a:pt x="120565" y="111812"/>
                    <a:pt x="128947" y="103896"/>
                  </a:cubicBezTo>
                  <a:cubicBezTo>
                    <a:pt x="136929" y="95781"/>
                    <a:pt x="141177" y="84694"/>
                    <a:pt x="140663" y="73321"/>
                  </a:cubicBezTo>
                  <a:cubicBezTo>
                    <a:pt x="142120" y="51109"/>
                    <a:pt x="125289" y="31916"/>
                    <a:pt x="103077" y="30459"/>
                  </a:cubicBezTo>
                  <a:cubicBezTo>
                    <a:pt x="101324" y="30344"/>
                    <a:pt x="99562" y="30344"/>
                    <a:pt x="97800" y="30459"/>
                  </a:cubicBezTo>
                  <a:lnTo>
                    <a:pt x="36640" y="30459"/>
                  </a:lnTo>
                  <a:cubicBezTo>
                    <a:pt x="35926" y="30373"/>
                    <a:pt x="35288" y="30878"/>
                    <a:pt x="35192" y="31583"/>
                  </a:cubicBezTo>
                  <a:cubicBezTo>
                    <a:pt x="35183" y="31687"/>
                    <a:pt x="35183" y="31783"/>
                    <a:pt x="35192" y="3188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9" name="Freeform 38">
              <a:extLst>
                <a:ext uri="{FF2B5EF4-FFF2-40B4-BE49-F238E27FC236}">
                  <a16:creationId xmlns:a16="http://schemas.microsoft.com/office/drawing/2014/main" id="{D2470F59-07B4-1344-9A4B-D2C8D5ED98EE}"/>
                </a:ext>
              </a:extLst>
            </p:cNvPr>
            <p:cNvSpPr/>
            <p:nvPr/>
          </p:nvSpPr>
          <p:spPr bwMode="gray">
            <a:xfrm>
              <a:off x="5107496" y="2002913"/>
              <a:ext cx="180643" cy="262528"/>
            </a:xfrm>
            <a:custGeom>
              <a:avLst/>
              <a:gdLst>
                <a:gd name="connsiteX0" fmla="*/ 43075 w 180643"/>
                <a:gd name="connsiteY0" fmla="*/ 253579 h 262528"/>
                <a:gd name="connsiteX1" fmla="*/ 11204 w 180643"/>
                <a:gd name="connsiteY1" fmla="*/ 228671 h 262528"/>
                <a:gd name="connsiteX2" fmla="*/ 32 w 180643"/>
                <a:gd name="connsiteY2" fmla="*/ 190942 h 262528"/>
                <a:gd name="connsiteX3" fmla="*/ 32 w 180643"/>
                <a:gd name="connsiteY3" fmla="*/ 180322 h 262528"/>
                <a:gd name="connsiteX4" fmla="*/ 2784 w 180643"/>
                <a:gd name="connsiteY4" fmla="*/ 176665 h 262528"/>
                <a:gd name="connsiteX5" fmla="*/ 3698 w 180643"/>
                <a:gd name="connsiteY5" fmla="*/ 176665 h 262528"/>
                <a:gd name="connsiteX6" fmla="*/ 30435 w 180643"/>
                <a:gd name="connsiteY6" fmla="*/ 176665 h 262528"/>
                <a:gd name="connsiteX7" fmla="*/ 34093 w 180643"/>
                <a:gd name="connsiteY7" fmla="*/ 179398 h 262528"/>
                <a:gd name="connsiteX8" fmla="*/ 34093 w 180643"/>
                <a:gd name="connsiteY8" fmla="*/ 180322 h 262528"/>
                <a:gd name="connsiteX9" fmla="*/ 34093 w 180643"/>
                <a:gd name="connsiteY9" fmla="*/ 189114 h 262528"/>
                <a:gd name="connsiteX10" fmla="*/ 50209 w 180643"/>
                <a:gd name="connsiteY10" fmla="*/ 219879 h 262528"/>
                <a:gd name="connsiteX11" fmla="*/ 94520 w 180643"/>
                <a:gd name="connsiteY11" fmla="*/ 231967 h 262528"/>
                <a:gd name="connsiteX12" fmla="*/ 132620 w 180643"/>
                <a:gd name="connsiteY12" fmla="*/ 221346 h 262528"/>
                <a:gd name="connsiteX13" fmla="*/ 145440 w 180643"/>
                <a:gd name="connsiteY13" fmla="*/ 193514 h 262528"/>
                <a:gd name="connsiteX14" fmla="*/ 138849 w 180643"/>
                <a:gd name="connsiteY14" fmla="*/ 174102 h 262528"/>
                <a:gd name="connsiteX15" fmla="*/ 119618 w 180643"/>
                <a:gd name="connsiteY15" fmla="*/ 159272 h 262528"/>
                <a:gd name="connsiteX16" fmla="*/ 82813 w 180643"/>
                <a:gd name="connsiteY16" fmla="*/ 142965 h 262528"/>
                <a:gd name="connsiteX17" fmla="*/ 40513 w 180643"/>
                <a:gd name="connsiteY17" fmla="*/ 124286 h 262528"/>
                <a:gd name="connsiteX18" fmla="*/ 14700 w 180643"/>
                <a:gd name="connsiteY18" fmla="*/ 102131 h 262528"/>
                <a:gd name="connsiteX19" fmla="*/ 4441 w 180643"/>
                <a:gd name="connsiteY19" fmla="*/ 67527 h 262528"/>
                <a:gd name="connsiteX20" fmla="*/ 26968 w 180643"/>
                <a:gd name="connsiteY20" fmla="*/ 18083 h 262528"/>
                <a:gd name="connsiteX21" fmla="*/ 87928 w 180643"/>
                <a:gd name="connsiteY21" fmla="*/ 138 h 262528"/>
                <a:gd name="connsiteX22" fmla="*/ 135553 w 180643"/>
                <a:gd name="connsiteY22" fmla="*/ 9291 h 262528"/>
                <a:gd name="connsiteX23" fmla="*/ 167233 w 180643"/>
                <a:gd name="connsiteY23" fmla="*/ 34923 h 262528"/>
                <a:gd name="connsiteX24" fmla="*/ 178406 w 180643"/>
                <a:gd name="connsiteY24" fmla="*/ 73023 h 262528"/>
                <a:gd name="connsiteX25" fmla="*/ 178406 w 180643"/>
                <a:gd name="connsiteY25" fmla="*/ 80357 h 262528"/>
                <a:gd name="connsiteX26" fmla="*/ 175654 w 180643"/>
                <a:gd name="connsiteY26" fmla="*/ 84015 h 262528"/>
                <a:gd name="connsiteX27" fmla="*/ 174739 w 180643"/>
                <a:gd name="connsiteY27" fmla="*/ 84015 h 262528"/>
                <a:gd name="connsiteX28" fmla="*/ 147259 w 180643"/>
                <a:gd name="connsiteY28" fmla="*/ 84015 h 262528"/>
                <a:gd name="connsiteX29" fmla="*/ 143602 w 180643"/>
                <a:gd name="connsiteY29" fmla="*/ 81281 h 262528"/>
                <a:gd name="connsiteX30" fmla="*/ 143602 w 180643"/>
                <a:gd name="connsiteY30" fmla="*/ 80357 h 262528"/>
                <a:gd name="connsiteX31" fmla="*/ 143602 w 180643"/>
                <a:gd name="connsiteY31" fmla="*/ 74861 h 262528"/>
                <a:gd name="connsiteX32" fmla="*/ 128362 w 180643"/>
                <a:gd name="connsiteY32" fmla="*/ 43181 h 262528"/>
                <a:gd name="connsiteX33" fmla="*/ 86452 w 180643"/>
                <a:gd name="connsiteY33" fmla="*/ 30541 h 262528"/>
                <a:gd name="connsiteX34" fmla="*/ 51286 w 180643"/>
                <a:gd name="connsiteY34" fmla="*/ 39886 h 262528"/>
                <a:gd name="connsiteX35" fmla="*/ 38836 w 180643"/>
                <a:gd name="connsiteY35" fmla="*/ 66803 h 262528"/>
                <a:gd name="connsiteX36" fmla="*/ 45066 w 180643"/>
                <a:gd name="connsiteY36" fmla="*/ 86577 h 262528"/>
                <a:gd name="connsiteX37" fmla="*/ 63553 w 180643"/>
                <a:gd name="connsiteY37" fmla="*/ 100322 h 262528"/>
                <a:gd name="connsiteX38" fmla="*/ 101101 w 180643"/>
                <a:gd name="connsiteY38" fmla="*/ 115876 h 262528"/>
                <a:gd name="connsiteX39" fmla="*/ 143221 w 180643"/>
                <a:gd name="connsiteY39" fmla="*/ 134745 h 262528"/>
                <a:gd name="connsiteX40" fmla="*/ 169948 w 180643"/>
                <a:gd name="connsiteY40" fmla="*/ 157453 h 262528"/>
                <a:gd name="connsiteX41" fmla="*/ 180597 w 180643"/>
                <a:gd name="connsiteY41" fmla="*/ 192419 h 262528"/>
                <a:gd name="connsiteX42" fmla="*/ 156975 w 180643"/>
                <a:gd name="connsiteY42" fmla="*/ 243501 h 262528"/>
                <a:gd name="connsiteX43" fmla="*/ 91957 w 180643"/>
                <a:gd name="connsiteY43" fmla="*/ 262361 h 262528"/>
                <a:gd name="connsiteX44" fmla="*/ 43075 w 180643"/>
                <a:gd name="connsiteY44" fmla="*/ 253579 h 2625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180643" h="262528">
                  <a:moveTo>
                    <a:pt x="43075" y="253579"/>
                  </a:moveTo>
                  <a:cubicBezTo>
                    <a:pt x="30283" y="248512"/>
                    <a:pt x="19215" y="239863"/>
                    <a:pt x="11204" y="228671"/>
                  </a:cubicBezTo>
                  <a:cubicBezTo>
                    <a:pt x="3641" y="217565"/>
                    <a:pt x="-264" y="204373"/>
                    <a:pt x="32" y="190942"/>
                  </a:cubicBezTo>
                  <a:lnTo>
                    <a:pt x="32" y="180322"/>
                  </a:lnTo>
                  <a:cubicBezTo>
                    <a:pt x="-216" y="178550"/>
                    <a:pt x="1012" y="176912"/>
                    <a:pt x="2784" y="176665"/>
                  </a:cubicBezTo>
                  <a:cubicBezTo>
                    <a:pt x="3089" y="176617"/>
                    <a:pt x="3394" y="176617"/>
                    <a:pt x="3698" y="176665"/>
                  </a:cubicBezTo>
                  <a:lnTo>
                    <a:pt x="30435" y="176665"/>
                  </a:lnTo>
                  <a:cubicBezTo>
                    <a:pt x="32197" y="176407"/>
                    <a:pt x="33835" y="177636"/>
                    <a:pt x="34093" y="179398"/>
                  </a:cubicBezTo>
                  <a:cubicBezTo>
                    <a:pt x="34141" y="179703"/>
                    <a:pt x="34141" y="180017"/>
                    <a:pt x="34093" y="180322"/>
                  </a:cubicBezTo>
                  <a:lnTo>
                    <a:pt x="34093" y="189114"/>
                  </a:lnTo>
                  <a:cubicBezTo>
                    <a:pt x="34007" y="201410"/>
                    <a:pt x="40046" y="212945"/>
                    <a:pt x="50209" y="219879"/>
                  </a:cubicBezTo>
                  <a:cubicBezTo>
                    <a:pt x="63277" y="228614"/>
                    <a:pt x="78832" y="232852"/>
                    <a:pt x="94520" y="231967"/>
                  </a:cubicBezTo>
                  <a:cubicBezTo>
                    <a:pt x="108064" y="232957"/>
                    <a:pt x="121532" y="229204"/>
                    <a:pt x="132620" y="221346"/>
                  </a:cubicBezTo>
                  <a:cubicBezTo>
                    <a:pt x="141020" y="214593"/>
                    <a:pt x="145764" y="204287"/>
                    <a:pt x="145440" y="193514"/>
                  </a:cubicBezTo>
                  <a:cubicBezTo>
                    <a:pt x="145621" y="186466"/>
                    <a:pt x="143288" y="179579"/>
                    <a:pt x="138849" y="174102"/>
                  </a:cubicBezTo>
                  <a:cubicBezTo>
                    <a:pt x="133467" y="167959"/>
                    <a:pt x="126933" y="162920"/>
                    <a:pt x="119618" y="159272"/>
                  </a:cubicBezTo>
                  <a:cubicBezTo>
                    <a:pt x="107654" y="153166"/>
                    <a:pt x="95367" y="147718"/>
                    <a:pt x="82813" y="142965"/>
                  </a:cubicBezTo>
                  <a:cubicBezTo>
                    <a:pt x="68335" y="137631"/>
                    <a:pt x="54210" y="131392"/>
                    <a:pt x="40513" y="124286"/>
                  </a:cubicBezTo>
                  <a:cubicBezTo>
                    <a:pt x="30378" y="118895"/>
                    <a:pt x="21568" y="111323"/>
                    <a:pt x="14700" y="102131"/>
                  </a:cubicBezTo>
                  <a:cubicBezTo>
                    <a:pt x="7566" y="92035"/>
                    <a:pt x="3965" y="79881"/>
                    <a:pt x="4441" y="67527"/>
                  </a:cubicBezTo>
                  <a:cubicBezTo>
                    <a:pt x="3584" y="48391"/>
                    <a:pt x="11966" y="29998"/>
                    <a:pt x="26968" y="18083"/>
                  </a:cubicBezTo>
                  <a:cubicBezTo>
                    <a:pt x="44637" y="5300"/>
                    <a:pt x="66154" y="-1034"/>
                    <a:pt x="87928" y="138"/>
                  </a:cubicBezTo>
                  <a:cubicBezTo>
                    <a:pt x="104273" y="-205"/>
                    <a:pt x="120503" y="2919"/>
                    <a:pt x="135553" y="9291"/>
                  </a:cubicBezTo>
                  <a:cubicBezTo>
                    <a:pt x="148326" y="14673"/>
                    <a:pt x="159309" y="23560"/>
                    <a:pt x="167233" y="34923"/>
                  </a:cubicBezTo>
                  <a:cubicBezTo>
                    <a:pt x="174758" y="46191"/>
                    <a:pt x="178654" y="59478"/>
                    <a:pt x="178406" y="73023"/>
                  </a:cubicBezTo>
                  <a:lnTo>
                    <a:pt x="178406" y="80357"/>
                  </a:lnTo>
                  <a:cubicBezTo>
                    <a:pt x="178654" y="82129"/>
                    <a:pt x="177425" y="83767"/>
                    <a:pt x="175654" y="84015"/>
                  </a:cubicBezTo>
                  <a:cubicBezTo>
                    <a:pt x="175348" y="84062"/>
                    <a:pt x="175044" y="84062"/>
                    <a:pt x="174739" y="84015"/>
                  </a:cubicBezTo>
                  <a:lnTo>
                    <a:pt x="147259" y="84015"/>
                  </a:lnTo>
                  <a:cubicBezTo>
                    <a:pt x="145497" y="84272"/>
                    <a:pt x="143859" y="83043"/>
                    <a:pt x="143602" y="81281"/>
                  </a:cubicBezTo>
                  <a:cubicBezTo>
                    <a:pt x="143554" y="80976"/>
                    <a:pt x="143554" y="80662"/>
                    <a:pt x="143602" y="80357"/>
                  </a:cubicBezTo>
                  <a:lnTo>
                    <a:pt x="143602" y="74861"/>
                  </a:lnTo>
                  <a:cubicBezTo>
                    <a:pt x="143754" y="62498"/>
                    <a:pt x="138115" y="50782"/>
                    <a:pt x="128362" y="43181"/>
                  </a:cubicBezTo>
                  <a:cubicBezTo>
                    <a:pt x="116322" y="34151"/>
                    <a:pt x="101473" y="29675"/>
                    <a:pt x="86452" y="30541"/>
                  </a:cubicBezTo>
                  <a:cubicBezTo>
                    <a:pt x="74031" y="29779"/>
                    <a:pt x="61697" y="33056"/>
                    <a:pt x="51286" y="39886"/>
                  </a:cubicBezTo>
                  <a:cubicBezTo>
                    <a:pt x="42923" y="46239"/>
                    <a:pt x="38256" y="56316"/>
                    <a:pt x="38836" y="66803"/>
                  </a:cubicBezTo>
                  <a:cubicBezTo>
                    <a:pt x="38532" y="73918"/>
                    <a:pt x="40732" y="80919"/>
                    <a:pt x="45066" y="86577"/>
                  </a:cubicBezTo>
                  <a:cubicBezTo>
                    <a:pt x="50171" y="92435"/>
                    <a:pt x="56477" y="97121"/>
                    <a:pt x="63553" y="100322"/>
                  </a:cubicBezTo>
                  <a:cubicBezTo>
                    <a:pt x="71736" y="104351"/>
                    <a:pt x="84252" y="109542"/>
                    <a:pt x="101101" y="115876"/>
                  </a:cubicBezTo>
                  <a:cubicBezTo>
                    <a:pt x="115484" y="121381"/>
                    <a:pt x="129543" y="127677"/>
                    <a:pt x="143221" y="134745"/>
                  </a:cubicBezTo>
                  <a:cubicBezTo>
                    <a:pt x="153689" y="140250"/>
                    <a:pt x="162823" y="148004"/>
                    <a:pt x="169948" y="157453"/>
                  </a:cubicBezTo>
                  <a:cubicBezTo>
                    <a:pt x="177273" y="167606"/>
                    <a:pt x="181025" y="179903"/>
                    <a:pt x="180597" y="192419"/>
                  </a:cubicBezTo>
                  <a:cubicBezTo>
                    <a:pt x="181368" y="212250"/>
                    <a:pt x="172577" y="231243"/>
                    <a:pt x="156975" y="243501"/>
                  </a:cubicBezTo>
                  <a:cubicBezTo>
                    <a:pt x="138097" y="257036"/>
                    <a:pt x="115151" y="263694"/>
                    <a:pt x="91957" y="262361"/>
                  </a:cubicBezTo>
                  <a:cubicBezTo>
                    <a:pt x="75241" y="262751"/>
                    <a:pt x="58610" y="259761"/>
                    <a:pt x="43075" y="25357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0" name="Freeform 39">
              <a:extLst>
                <a:ext uri="{FF2B5EF4-FFF2-40B4-BE49-F238E27FC236}">
                  <a16:creationId xmlns:a16="http://schemas.microsoft.com/office/drawing/2014/main" id="{197DB928-F10F-234F-9387-C56AF6D0ED7C}"/>
                </a:ext>
              </a:extLst>
            </p:cNvPr>
            <p:cNvSpPr/>
            <p:nvPr/>
          </p:nvSpPr>
          <p:spPr bwMode="gray">
            <a:xfrm>
              <a:off x="5368991" y="2005950"/>
              <a:ext cx="170368" cy="256435"/>
            </a:xfrm>
            <a:custGeom>
              <a:avLst/>
              <a:gdLst>
                <a:gd name="connsiteX0" fmla="*/ 166666 w 170368"/>
                <a:gd name="connsiteY0" fmla="*/ 30428 h 256435"/>
                <a:gd name="connsiteX1" fmla="*/ 36659 w 170368"/>
                <a:gd name="connsiteY1" fmla="*/ 30428 h 256435"/>
                <a:gd name="connsiteX2" fmla="*/ 35192 w 170368"/>
                <a:gd name="connsiteY2" fmla="*/ 31524 h 256435"/>
                <a:gd name="connsiteX3" fmla="*/ 35192 w 170368"/>
                <a:gd name="connsiteY3" fmla="*/ 31886 h 256435"/>
                <a:gd name="connsiteX4" fmla="*/ 35192 w 170368"/>
                <a:gd name="connsiteY4" fmla="*/ 110638 h 256435"/>
                <a:gd name="connsiteX5" fmla="*/ 36278 w 170368"/>
                <a:gd name="connsiteY5" fmla="*/ 112096 h 256435"/>
                <a:gd name="connsiteX6" fmla="*/ 36659 w 170368"/>
                <a:gd name="connsiteY6" fmla="*/ 112096 h 256435"/>
                <a:gd name="connsiteX7" fmla="*/ 126023 w 170368"/>
                <a:gd name="connsiteY7" fmla="*/ 112096 h 256435"/>
                <a:gd name="connsiteX8" fmla="*/ 129680 w 170368"/>
                <a:gd name="connsiteY8" fmla="*/ 114877 h 256435"/>
                <a:gd name="connsiteX9" fmla="*/ 129680 w 170368"/>
                <a:gd name="connsiteY9" fmla="*/ 115763 h 256435"/>
                <a:gd name="connsiteX10" fmla="*/ 129680 w 170368"/>
                <a:gd name="connsiteY10" fmla="*/ 138832 h 256435"/>
                <a:gd name="connsiteX11" fmla="*/ 126937 w 170368"/>
                <a:gd name="connsiteY11" fmla="*/ 142499 h 256435"/>
                <a:gd name="connsiteX12" fmla="*/ 126023 w 170368"/>
                <a:gd name="connsiteY12" fmla="*/ 142499 h 256435"/>
                <a:gd name="connsiteX13" fmla="*/ 36659 w 170368"/>
                <a:gd name="connsiteY13" fmla="*/ 142499 h 256435"/>
                <a:gd name="connsiteX14" fmla="*/ 35192 w 170368"/>
                <a:gd name="connsiteY14" fmla="*/ 143595 h 256435"/>
                <a:gd name="connsiteX15" fmla="*/ 35192 w 170368"/>
                <a:gd name="connsiteY15" fmla="*/ 143966 h 256435"/>
                <a:gd name="connsiteX16" fmla="*/ 35192 w 170368"/>
                <a:gd name="connsiteY16" fmla="*/ 224538 h 256435"/>
                <a:gd name="connsiteX17" fmla="*/ 36278 w 170368"/>
                <a:gd name="connsiteY17" fmla="*/ 225996 h 256435"/>
                <a:gd name="connsiteX18" fmla="*/ 36659 w 170368"/>
                <a:gd name="connsiteY18" fmla="*/ 225996 h 256435"/>
                <a:gd name="connsiteX19" fmla="*/ 166666 w 170368"/>
                <a:gd name="connsiteY19" fmla="*/ 225996 h 256435"/>
                <a:gd name="connsiteX20" fmla="*/ 170333 w 170368"/>
                <a:gd name="connsiteY20" fmla="*/ 228739 h 256435"/>
                <a:gd name="connsiteX21" fmla="*/ 170333 w 170368"/>
                <a:gd name="connsiteY21" fmla="*/ 229663 h 256435"/>
                <a:gd name="connsiteX22" fmla="*/ 170333 w 170368"/>
                <a:gd name="connsiteY22" fmla="*/ 252732 h 256435"/>
                <a:gd name="connsiteX23" fmla="*/ 167590 w 170368"/>
                <a:gd name="connsiteY23" fmla="*/ 256400 h 256435"/>
                <a:gd name="connsiteX24" fmla="*/ 166666 w 170368"/>
                <a:gd name="connsiteY24" fmla="*/ 256400 h 256435"/>
                <a:gd name="connsiteX25" fmla="*/ 3693 w 170368"/>
                <a:gd name="connsiteY25" fmla="*/ 256400 h 256435"/>
                <a:gd name="connsiteX26" fmla="*/ 36 w 170368"/>
                <a:gd name="connsiteY26" fmla="*/ 253647 h 256435"/>
                <a:gd name="connsiteX27" fmla="*/ 36 w 170368"/>
                <a:gd name="connsiteY27" fmla="*/ 252732 h 256435"/>
                <a:gd name="connsiteX28" fmla="*/ 36 w 170368"/>
                <a:gd name="connsiteY28" fmla="*/ 3692 h 256435"/>
                <a:gd name="connsiteX29" fmla="*/ 2788 w 170368"/>
                <a:gd name="connsiteY29" fmla="*/ 34 h 256435"/>
                <a:gd name="connsiteX30" fmla="*/ 3693 w 170368"/>
                <a:gd name="connsiteY30" fmla="*/ 34 h 256435"/>
                <a:gd name="connsiteX31" fmla="*/ 166666 w 170368"/>
                <a:gd name="connsiteY31" fmla="*/ 34 h 256435"/>
                <a:gd name="connsiteX32" fmla="*/ 170333 w 170368"/>
                <a:gd name="connsiteY32" fmla="*/ 2777 h 256435"/>
                <a:gd name="connsiteX33" fmla="*/ 170333 w 170368"/>
                <a:gd name="connsiteY33" fmla="*/ 3692 h 256435"/>
                <a:gd name="connsiteX34" fmla="*/ 170333 w 170368"/>
                <a:gd name="connsiteY34" fmla="*/ 26761 h 256435"/>
                <a:gd name="connsiteX35" fmla="*/ 167590 w 170368"/>
                <a:gd name="connsiteY35" fmla="*/ 30428 h 256435"/>
                <a:gd name="connsiteX36" fmla="*/ 166666 w 170368"/>
                <a:gd name="connsiteY36" fmla="*/ 30428 h 2564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0368" h="256435">
                  <a:moveTo>
                    <a:pt x="166666" y="30428"/>
                  </a:moveTo>
                  <a:lnTo>
                    <a:pt x="36659" y="30428"/>
                  </a:lnTo>
                  <a:cubicBezTo>
                    <a:pt x="35954" y="30323"/>
                    <a:pt x="35297" y="30819"/>
                    <a:pt x="35192" y="31524"/>
                  </a:cubicBezTo>
                  <a:cubicBezTo>
                    <a:pt x="35173" y="31648"/>
                    <a:pt x="35173" y="31771"/>
                    <a:pt x="35192" y="31886"/>
                  </a:cubicBezTo>
                  <a:lnTo>
                    <a:pt x="35192" y="110638"/>
                  </a:lnTo>
                  <a:cubicBezTo>
                    <a:pt x="35088" y="111343"/>
                    <a:pt x="35574" y="111991"/>
                    <a:pt x="36278" y="112096"/>
                  </a:cubicBezTo>
                  <a:cubicBezTo>
                    <a:pt x="36402" y="112115"/>
                    <a:pt x="36535" y="112115"/>
                    <a:pt x="36659" y="112096"/>
                  </a:cubicBezTo>
                  <a:lnTo>
                    <a:pt x="126023" y="112096"/>
                  </a:lnTo>
                  <a:cubicBezTo>
                    <a:pt x="127804" y="111848"/>
                    <a:pt x="129442" y="113096"/>
                    <a:pt x="129680" y="114877"/>
                  </a:cubicBezTo>
                  <a:cubicBezTo>
                    <a:pt x="129719" y="115172"/>
                    <a:pt x="129719" y="115468"/>
                    <a:pt x="129680" y="115763"/>
                  </a:cubicBezTo>
                  <a:lnTo>
                    <a:pt x="129680" y="138832"/>
                  </a:lnTo>
                  <a:cubicBezTo>
                    <a:pt x="129938" y="140604"/>
                    <a:pt x="128709" y="142242"/>
                    <a:pt x="126937" y="142499"/>
                  </a:cubicBezTo>
                  <a:cubicBezTo>
                    <a:pt x="126633" y="142538"/>
                    <a:pt x="126327" y="142538"/>
                    <a:pt x="126023" y="142499"/>
                  </a:cubicBezTo>
                  <a:lnTo>
                    <a:pt x="36659" y="142499"/>
                  </a:lnTo>
                  <a:cubicBezTo>
                    <a:pt x="35954" y="142395"/>
                    <a:pt x="35297" y="142890"/>
                    <a:pt x="35192" y="143595"/>
                  </a:cubicBezTo>
                  <a:cubicBezTo>
                    <a:pt x="35173" y="143719"/>
                    <a:pt x="35173" y="143842"/>
                    <a:pt x="35192" y="143966"/>
                  </a:cubicBezTo>
                  <a:lnTo>
                    <a:pt x="35192" y="224538"/>
                  </a:lnTo>
                  <a:cubicBezTo>
                    <a:pt x="35088" y="225243"/>
                    <a:pt x="35574" y="225891"/>
                    <a:pt x="36278" y="225996"/>
                  </a:cubicBezTo>
                  <a:cubicBezTo>
                    <a:pt x="36402" y="226015"/>
                    <a:pt x="36535" y="226015"/>
                    <a:pt x="36659" y="225996"/>
                  </a:cubicBezTo>
                  <a:lnTo>
                    <a:pt x="166666" y="225996"/>
                  </a:lnTo>
                  <a:cubicBezTo>
                    <a:pt x="168438" y="225739"/>
                    <a:pt x="170076" y="226967"/>
                    <a:pt x="170333" y="228739"/>
                  </a:cubicBezTo>
                  <a:cubicBezTo>
                    <a:pt x="170381" y="229044"/>
                    <a:pt x="170381" y="229358"/>
                    <a:pt x="170333" y="229663"/>
                  </a:cubicBezTo>
                  <a:lnTo>
                    <a:pt x="170333" y="252732"/>
                  </a:lnTo>
                  <a:cubicBezTo>
                    <a:pt x="170590" y="254504"/>
                    <a:pt x="169361" y="256142"/>
                    <a:pt x="167590" y="256400"/>
                  </a:cubicBezTo>
                  <a:cubicBezTo>
                    <a:pt x="167285" y="256447"/>
                    <a:pt x="166971" y="256447"/>
                    <a:pt x="166666" y="256400"/>
                  </a:cubicBezTo>
                  <a:lnTo>
                    <a:pt x="3693" y="256400"/>
                  </a:lnTo>
                  <a:cubicBezTo>
                    <a:pt x="1922" y="256647"/>
                    <a:pt x="283" y="255418"/>
                    <a:pt x="36" y="253647"/>
                  </a:cubicBezTo>
                  <a:cubicBezTo>
                    <a:pt x="-12" y="253342"/>
                    <a:pt x="-12" y="253037"/>
                    <a:pt x="36" y="252732"/>
                  </a:cubicBezTo>
                  <a:lnTo>
                    <a:pt x="36" y="3692"/>
                  </a:lnTo>
                  <a:cubicBezTo>
                    <a:pt x="-212" y="1920"/>
                    <a:pt x="1017" y="282"/>
                    <a:pt x="2788" y="34"/>
                  </a:cubicBezTo>
                  <a:cubicBezTo>
                    <a:pt x="3093" y="-4"/>
                    <a:pt x="3398" y="-4"/>
                    <a:pt x="3693" y="34"/>
                  </a:cubicBezTo>
                  <a:lnTo>
                    <a:pt x="166666" y="34"/>
                  </a:lnTo>
                  <a:cubicBezTo>
                    <a:pt x="168438" y="-223"/>
                    <a:pt x="170076" y="1006"/>
                    <a:pt x="170333" y="2777"/>
                  </a:cubicBezTo>
                  <a:cubicBezTo>
                    <a:pt x="170371" y="3082"/>
                    <a:pt x="170371" y="3387"/>
                    <a:pt x="170333" y="3692"/>
                  </a:cubicBezTo>
                  <a:lnTo>
                    <a:pt x="170333" y="26761"/>
                  </a:lnTo>
                  <a:cubicBezTo>
                    <a:pt x="170590" y="28533"/>
                    <a:pt x="169361" y="30171"/>
                    <a:pt x="167590" y="30428"/>
                  </a:cubicBezTo>
                  <a:cubicBezTo>
                    <a:pt x="167285" y="30476"/>
                    <a:pt x="166971" y="30476"/>
                    <a:pt x="166666" y="30428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1" name="Freeform 40">
              <a:extLst>
                <a:ext uri="{FF2B5EF4-FFF2-40B4-BE49-F238E27FC236}">
                  <a16:creationId xmlns:a16="http://schemas.microsoft.com/office/drawing/2014/main" id="{F8381886-8216-E14D-95F0-E8CFACA3D32C}"/>
                </a:ext>
              </a:extLst>
            </p:cNvPr>
            <p:cNvSpPr/>
            <p:nvPr/>
          </p:nvSpPr>
          <p:spPr bwMode="gray">
            <a:xfrm>
              <a:off x="5610713" y="2002971"/>
              <a:ext cx="178392" cy="262604"/>
            </a:xfrm>
            <a:custGeom>
              <a:avLst/>
              <a:gdLst>
                <a:gd name="connsiteX0" fmla="*/ 42692 w 178392"/>
                <a:gd name="connsiteY0" fmla="*/ 252206 h 262604"/>
                <a:gd name="connsiteX1" fmla="*/ 11193 w 178392"/>
                <a:gd name="connsiteY1" fmla="*/ 222535 h 262604"/>
                <a:gd name="connsiteX2" fmla="*/ 20 w 178392"/>
                <a:gd name="connsiteY2" fmla="*/ 178416 h 262604"/>
                <a:gd name="connsiteX3" fmla="*/ 20 w 178392"/>
                <a:gd name="connsiteY3" fmla="*/ 83613 h 262604"/>
                <a:gd name="connsiteX4" fmla="*/ 11193 w 178392"/>
                <a:gd name="connsiteY4" fmla="*/ 39798 h 262604"/>
                <a:gd name="connsiteX5" fmla="*/ 42692 w 178392"/>
                <a:gd name="connsiteY5" fmla="*/ 10499 h 262604"/>
                <a:gd name="connsiteX6" fmla="*/ 89364 w 178392"/>
                <a:gd name="connsiteY6" fmla="*/ 22 h 262604"/>
                <a:gd name="connsiteX7" fmla="*/ 135875 w 178392"/>
                <a:gd name="connsiteY7" fmla="*/ 10099 h 262604"/>
                <a:gd name="connsiteX8" fmla="*/ 167184 w 178392"/>
                <a:gd name="connsiteY8" fmla="*/ 38474 h 262604"/>
                <a:gd name="connsiteX9" fmla="*/ 178357 w 178392"/>
                <a:gd name="connsiteY9" fmla="*/ 80956 h 262604"/>
                <a:gd name="connsiteX10" fmla="*/ 178357 w 178392"/>
                <a:gd name="connsiteY10" fmla="*/ 81327 h 262604"/>
                <a:gd name="connsiteX11" fmla="*/ 177261 w 178392"/>
                <a:gd name="connsiteY11" fmla="*/ 84261 h 262604"/>
                <a:gd name="connsiteX12" fmla="*/ 174699 w 178392"/>
                <a:gd name="connsiteY12" fmla="*/ 85356 h 262604"/>
                <a:gd name="connsiteX13" fmla="*/ 146867 w 178392"/>
                <a:gd name="connsiteY13" fmla="*/ 86814 h 262604"/>
                <a:gd name="connsiteX14" fmla="*/ 143200 w 178392"/>
                <a:gd name="connsiteY14" fmla="*/ 83528 h 262604"/>
                <a:gd name="connsiteX15" fmla="*/ 143200 w 178392"/>
                <a:gd name="connsiteY15" fmla="*/ 82423 h 262604"/>
                <a:gd name="connsiteX16" fmla="*/ 128550 w 178392"/>
                <a:gd name="connsiteY16" fmla="*/ 44704 h 262604"/>
                <a:gd name="connsiteX17" fmla="*/ 89364 w 178392"/>
                <a:gd name="connsiteY17" fmla="*/ 30416 h 262604"/>
                <a:gd name="connsiteX18" fmla="*/ 49998 w 178392"/>
                <a:gd name="connsiteY18" fmla="*/ 44704 h 262604"/>
                <a:gd name="connsiteX19" fmla="*/ 35158 w 178392"/>
                <a:gd name="connsiteY19" fmla="*/ 82423 h 262604"/>
                <a:gd name="connsiteX20" fmla="*/ 35158 w 178392"/>
                <a:gd name="connsiteY20" fmla="*/ 179844 h 262604"/>
                <a:gd name="connsiteX21" fmla="*/ 49998 w 178392"/>
                <a:gd name="connsiteY21" fmla="*/ 217573 h 262604"/>
                <a:gd name="connsiteX22" fmla="*/ 89364 w 178392"/>
                <a:gd name="connsiteY22" fmla="*/ 231860 h 262604"/>
                <a:gd name="connsiteX23" fmla="*/ 128550 w 178392"/>
                <a:gd name="connsiteY23" fmla="*/ 217573 h 262604"/>
                <a:gd name="connsiteX24" fmla="*/ 143200 w 178392"/>
                <a:gd name="connsiteY24" fmla="*/ 179844 h 262604"/>
                <a:gd name="connsiteX25" fmla="*/ 143200 w 178392"/>
                <a:gd name="connsiteY25" fmla="*/ 179111 h 262604"/>
                <a:gd name="connsiteX26" fmla="*/ 146867 w 178392"/>
                <a:gd name="connsiteY26" fmla="*/ 175815 h 262604"/>
                <a:gd name="connsiteX27" fmla="*/ 174699 w 178392"/>
                <a:gd name="connsiteY27" fmla="*/ 177273 h 262604"/>
                <a:gd name="connsiteX28" fmla="*/ 178357 w 178392"/>
                <a:gd name="connsiteY28" fmla="*/ 180025 h 262604"/>
                <a:gd name="connsiteX29" fmla="*/ 178357 w 178392"/>
                <a:gd name="connsiteY29" fmla="*/ 180940 h 262604"/>
                <a:gd name="connsiteX30" fmla="*/ 167184 w 178392"/>
                <a:gd name="connsiteY30" fmla="*/ 223612 h 262604"/>
                <a:gd name="connsiteX31" fmla="*/ 135875 w 178392"/>
                <a:gd name="connsiteY31" fmla="*/ 252358 h 262604"/>
                <a:gd name="connsiteX32" fmla="*/ 42673 w 178392"/>
                <a:gd name="connsiteY32" fmla="*/ 252177 h 2626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78392" h="262604">
                  <a:moveTo>
                    <a:pt x="42692" y="252206"/>
                  </a:moveTo>
                  <a:cubicBezTo>
                    <a:pt x="29519" y="245605"/>
                    <a:pt x="18565" y="235289"/>
                    <a:pt x="11193" y="222535"/>
                  </a:cubicBezTo>
                  <a:cubicBezTo>
                    <a:pt x="3582" y="209096"/>
                    <a:pt x="-275" y="193856"/>
                    <a:pt x="20" y="178416"/>
                  </a:cubicBezTo>
                  <a:lnTo>
                    <a:pt x="20" y="83613"/>
                  </a:lnTo>
                  <a:cubicBezTo>
                    <a:pt x="-313" y="68259"/>
                    <a:pt x="3544" y="53114"/>
                    <a:pt x="11193" y="39798"/>
                  </a:cubicBezTo>
                  <a:cubicBezTo>
                    <a:pt x="18651" y="27206"/>
                    <a:pt x="29595" y="17034"/>
                    <a:pt x="42692" y="10499"/>
                  </a:cubicBezTo>
                  <a:cubicBezTo>
                    <a:pt x="57180" y="3308"/>
                    <a:pt x="73191" y="-283"/>
                    <a:pt x="89364" y="22"/>
                  </a:cubicBezTo>
                  <a:cubicBezTo>
                    <a:pt x="105443" y="-311"/>
                    <a:pt x="121378" y="3146"/>
                    <a:pt x="135875" y="10099"/>
                  </a:cubicBezTo>
                  <a:cubicBezTo>
                    <a:pt x="148810" y="16367"/>
                    <a:pt x="159678" y="26216"/>
                    <a:pt x="167184" y="38474"/>
                  </a:cubicBezTo>
                  <a:cubicBezTo>
                    <a:pt x="174804" y="51314"/>
                    <a:pt x="178671" y="66030"/>
                    <a:pt x="178357" y="80956"/>
                  </a:cubicBezTo>
                  <a:lnTo>
                    <a:pt x="178357" y="81327"/>
                  </a:lnTo>
                  <a:cubicBezTo>
                    <a:pt x="178414" y="82413"/>
                    <a:pt x="178014" y="83471"/>
                    <a:pt x="177261" y="84261"/>
                  </a:cubicBezTo>
                  <a:cubicBezTo>
                    <a:pt x="176595" y="84966"/>
                    <a:pt x="175671" y="85356"/>
                    <a:pt x="174699" y="85356"/>
                  </a:cubicBezTo>
                  <a:lnTo>
                    <a:pt x="146867" y="86814"/>
                  </a:lnTo>
                  <a:cubicBezTo>
                    <a:pt x="144419" y="86814"/>
                    <a:pt x="143190" y="85718"/>
                    <a:pt x="143200" y="83528"/>
                  </a:cubicBezTo>
                  <a:lnTo>
                    <a:pt x="143200" y="82423"/>
                  </a:lnTo>
                  <a:cubicBezTo>
                    <a:pt x="143809" y="68354"/>
                    <a:pt x="138495" y="54676"/>
                    <a:pt x="128550" y="44704"/>
                  </a:cubicBezTo>
                  <a:cubicBezTo>
                    <a:pt x="117949" y="34855"/>
                    <a:pt x="103814" y="29711"/>
                    <a:pt x="89364" y="30416"/>
                  </a:cubicBezTo>
                  <a:cubicBezTo>
                    <a:pt x="74858" y="29721"/>
                    <a:pt x="60685" y="34864"/>
                    <a:pt x="49998" y="44704"/>
                  </a:cubicBezTo>
                  <a:cubicBezTo>
                    <a:pt x="39940" y="54610"/>
                    <a:pt x="34548" y="68316"/>
                    <a:pt x="35158" y="82423"/>
                  </a:cubicBezTo>
                  <a:lnTo>
                    <a:pt x="35158" y="179844"/>
                  </a:lnTo>
                  <a:cubicBezTo>
                    <a:pt x="34548" y="193951"/>
                    <a:pt x="39940" y="207657"/>
                    <a:pt x="49998" y="217573"/>
                  </a:cubicBezTo>
                  <a:cubicBezTo>
                    <a:pt x="60685" y="227403"/>
                    <a:pt x="74858" y="232546"/>
                    <a:pt x="89364" y="231860"/>
                  </a:cubicBezTo>
                  <a:cubicBezTo>
                    <a:pt x="103814" y="232565"/>
                    <a:pt x="117939" y="227412"/>
                    <a:pt x="128550" y="217573"/>
                  </a:cubicBezTo>
                  <a:cubicBezTo>
                    <a:pt x="138495" y="207600"/>
                    <a:pt x="143809" y="193913"/>
                    <a:pt x="143200" y="179844"/>
                  </a:cubicBezTo>
                  <a:lnTo>
                    <a:pt x="143200" y="179111"/>
                  </a:lnTo>
                  <a:cubicBezTo>
                    <a:pt x="143200" y="176911"/>
                    <a:pt x="144419" y="175815"/>
                    <a:pt x="146867" y="175815"/>
                  </a:cubicBezTo>
                  <a:lnTo>
                    <a:pt x="174699" y="177273"/>
                  </a:lnTo>
                  <a:cubicBezTo>
                    <a:pt x="176471" y="177025"/>
                    <a:pt x="178109" y="178254"/>
                    <a:pt x="178357" y="180025"/>
                  </a:cubicBezTo>
                  <a:cubicBezTo>
                    <a:pt x="178404" y="180330"/>
                    <a:pt x="178404" y="180635"/>
                    <a:pt x="178357" y="180940"/>
                  </a:cubicBezTo>
                  <a:cubicBezTo>
                    <a:pt x="178661" y="195923"/>
                    <a:pt x="174794" y="210696"/>
                    <a:pt x="167184" y="223612"/>
                  </a:cubicBezTo>
                  <a:cubicBezTo>
                    <a:pt x="159697" y="235975"/>
                    <a:pt x="148829" y="245948"/>
                    <a:pt x="135875" y="252358"/>
                  </a:cubicBezTo>
                  <a:cubicBezTo>
                    <a:pt x="106309" y="266084"/>
                    <a:pt x="72181" y="266017"/>
                    <a:pt x="42673" y="25217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2" name="Freeform 41">
              <a:extLst>
                <a:ext uri="{FF2B5EF4-FFF2-40B4-BE49-F238E27FC236}">
                  <a16:creationId xmlns:a16="http://schemas.microsoft.com/office/drawing/2014/main" id="{50779C38-91F4-2847-A3EA-F500DB44C79D}"/>
                </a:ext>
              </a:extLst>
            </p:cNvPr>
            <p:cNvSpPr/>
            <p:nvPr/>
          </p:nvSpPr>
          <p:spPr bwMode="gray">
            <a:xfrm>
              <a:off x="5870724" y="2005901"/>
              <a:ext cx="179921" cy="259413"/>
            </a:xfrm>
            <a:custGeom>
              <a:avLst/>
              <a:gdLst>
                <a:gd name="connsiteX0" fmla="*/ 43066 w 179921"/>
                <a:gd name="connsiteY0" fmla="*/ 248943 h 259413"/>
                <a:gd name="connsiteX1" fmla="*/ 11386 w 179921"/>
                <a:gd name="connsiteY1" fmla="*/ 219273 h 259413"/>
                <a:gd name="connsiteX2" fmla="*/ 32 w 179921"/>
                <a:gd name="connsiteY2" fmla="*/ 175143 h 259413"/>
                <a:gd name="connsiteX3" fmla="*/ 32 w 179921"/>
                <a:gd name="connsiteY3" fmla="*/ 3693 h 259413"/>
                <a:gd name="connsiteX4" fmla="*/ 2784 w 179921"/>
                <a:gd name="connsiteY4" fmla="*/ 36 h 259413"/>
                <a:gd name="connsiteX5" fmla="*/ 3699 w 179921"/>
                <a:gd name="connsiteY5" fmla="*/ 36 h 259413"/>
                <a:gd name="connsiteX6" fmla="*/ 31531 w 179921"/>
                <a:gd name="connsiteY6" fmla="*/ 36 h 259413"/>
                <a:gd name="connsiteX7" fmla="*/ 35188 w 179921"/>
                <a:gd name="connsiteY7" fmla="*/ 2788 h 259413"/>
                <a:gd name="connsiteX8" fmla="*/ 35188 w 179921"/>
                <a:gd name="connsiteY8" fmla="*/ 3693 h 259413"/>
                <a:gd name="connsiteX9" fmla="*/ 35188 w 179921"/>
                <a:gd name="connsiteY9" fmla="*/ 175829 h 259413"/>
                <a:gd name="connsiteX10" fmla="*/ 50429 w 179921"/>
                <a:gd name="connsiteY10" fmla="*/ 214282 h 259413"/>
                <a:gd name="connsiteX11" fmla="*/ 90167 w 179921"/>
                <a:gd name="connsiteY11" fmla="*/ 228931 h 259413"/>
                <a:gd name="connsiteX12" fmla="*/ 129724 w 179921"/>
                <a:gd name="connsiteY12" fmla="*/ 214282 h 259413"/>
                <a:gd name="connsiteX13" fmla="*/ 144736 w 179921"/>
                <a:gd name="connsiteY13" fmla="*/ 175829 h 259413"/>
                <a:gd name="connsiteX14" fmla="*/ 144736 w 179921"/>
                <a:gd name="connsiteY14" fmla="*/ 3741 h 259413"/>
                <a:gd name="connsiteX15" fmla="*/ 147488 w 179921"/>
                <a:gd name="connsiteY15" fmla="*/ 83 h 259413"/>
                <a:gd name="connsiteX16" fmla="*/ 148403 w 179921"/>
                <a:gd name="connsiteY16" fmla="*/ 83 h 259413"/>
                <a:gd name="connsiteX17" fmla="*/ 176235 w 179921"/>
                <a:gd name="connsiteY17" fmla="*/ 83 h 259413"/>
                <a:gd name="connsiteX18" fmla="*/ 179892 w 179921"/>
                <a:gd name="connsiteY18" fmla="*/ 2836 h 259413"/>
                <a:gd name="connsiteX19" fmla="*/ 179892 w 179921"/>
                <a:gd name="connsiteY19" fmla="*/ 3741 h 259413"/>
                <a:gd name="connsiteX20" fmla="*/ 179892 w 179921"/>
                <a:gd name="connsiteY20" fmla="*/ 175191 h 259413"/>
                <a:gd name="connsiteX21" fmla="*/ 168720 w 179921"/>
                <a:gd name="connsiteY21" fmla="*/ 219320 h 259413"/>
                <a:gd name="connsiteX22" fmla="*/ 137230 w 179921"/>
                <a:gd name="connsiteY22" fmla="*/ 248991 h 259413"/>
                <a:gd name="connsiteX23" fmla="*/ 43104 w 179921"/>
                <a:gd name="connsiteY23" fmla="*/ 248991 h 2594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79921" h="259413">
                  <a:moveTo>
                    <a:pt x="43066" y="248943"/>
                  </a:moveTo>
                  <a:cubicBezTo>
                    <a:pt x="29874" y="242314"/>
                    <a:pt x="18872" y="232008"/>
                    <a:pt x="11386" y="219273"/>
                  </a:cubicBezTo>
                  <a:cubicBezTo>
                    <a:pt x="3661" y="205871"/>
                    <a:pt x="-264" y="190612"/>
                    <a:pt x="32" y="175143"/>
                  </a:cubicBezTo>
                  <a:lnTo>
                    <a:pt x="32" y="3693"/>
                  </a:lnTo>
                  <a:cubicBezTo>
                    <a:pt x="-216" y="1922"/>
                    <a:pt x="1013" y="283"/>
                    <a:pt x="2784" y="36"/>
                  </a:cubicBezTo>
                  <a:cubicBezTo>
                    <a:pt x="3089" y="-12"/>
                    <a:pt x="3394" y="-12"/>
                    <a:pt x="3699" y="36"/>
                  </a:cubicBezTo>
                  <a:lnTo>
                    <a:pt x="31531" y="36"/>
                  </a:lnTo>
                  <a:cubicBezTo>
                    <a:pt x="33302" y="-212"/>
                    <a:pt x="34941" y="1017"/>
                    <a:pt x="35188" y="2788"/>
                  </a:cubicBezTo>
                  <a:cubicBezTo>
                    <a:pt x="35227" y="3093"/>
                    <a:pt x="35227" y="3398"/>
                    <a:pt x="35188" y="3693"/>
                  </a:cubicBezTo>
                  <a:lnTo>
                    <a:pt x="35188" y="175829"/>
                  </a:lnTo>
                  <a:cubicBezTo>
                    <a:pt x="34608" y="190221"/>
                    <a:pt x="40141" y="204194"/>
                    <a:pt x="50429" y="214282"/>
                  </a:cubicBezTo>
                  <a:cubicBezTo>
                    <a:pt x="61182" y="224283"/>
                    <a:pt x="75489" y="229560"/>
                    <a:pt x="90167" y="228931"/>
                  </a:cubicBezTo>
                  <a:cubicBezTo>
                    <a:pt x="104788" y="229579"/>
                    <a:pt x="119047" y="224292"/>
                    <a:pt x="129724" y="214282"/>
                  </a:cubicBezTo>
                  <a:cubicBezTo>
                    <a:pt x="139887" y="204128"/>
                    <a:pt x="145336" y="190183"/>
                    <a:pt x="144736" y="175829"/>
                  </a:cubicBezTo>
                  <a:lnTo>
                    <a:pt x="144736" y="3741"/>
                  </a:lnTo>
                  <a:cubicBezTo>
                    <a:pt x="144488" y="1969"/>
                    <a:pt x="145716" y="331"/>
                    <a:pt x="147488" y="83"/>
                  </a:cubicBezTo>
                  <a:cubicBezTo>
                    <a:pt x="147793" y="36"/>
                    <a:pt x="148098" y="36"/>
                    <a:pt x="148403" y="83"/>
                  </a:cubicBezTo>
                  <a:lnTo>
                    <a:pt x="176235" y="83"/>
                  </a:lnTo>
                  <a:cubicBezTo>
                    <a:pt x="178006" y="-164"/>
                    <a:pt x="179645" y="1064"/>
                    <a:pt x="179892" y="2836"/>
                  </a:cubicBezTo>
                  <a:cubicBezTo>
                    <a:pt x="179931" y="3141"/>
                    <a:pt x="179931" y="3446"/>
                    <a:pt x="179892" y="3741"/>
                  </a:cubicBezTo>
                  <a:lnTo>
                    <a:pt x="179892" y="175191"/>
                  </a:lnTo>
                  <a:cubicBezTo>
                    <a:pt x="180188" y="190641"/>
                    <a:pt x="176330" y="205880"/>
                    <a:pt x="168720" y="219320"/>
                  </a:cubicBezTo>
                  <a:cubicBezTo>
                    <a:pt x="161347" y="232074"/>
                    <a:pt x="150403" y="242390"/>
                    <a:pt x="137230" y="248991"/>
                  </a:cubicBezTo>
                  <a:cubicBezTo>
                    <a:pt x="107397" y="262888"/>
                    <a:pt x="72936" y="262888"/>
                    <a:pt x="43104" y="248991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3" name="Freeform 42">
              <a:extLst>
                <a:ext uri="{FF2B5EF4-FFF2-40B4-BE49-F238E27FC236}">
                  <a16:creationId xmlns:a16="http://schemas.microsoft.com/office/drawing/2014/main" id="{B8536195-AC4B-C348-A5F9-E094FBD00965}"/>
                </a:ext>
              </a:extLst>
            </p:cNvPr>
            <p:cNvSpPr/>
            <p:nvPr/>
          </p:nvSpPr>
          <p:spPr bwMode="gray">
            <a:xfrm>
              <a:off x="6141363" y="2005948"/>
              <a:ext cx="178088" cy="256423"/>
            </a:xfrm>
            <a:custGeom>
              <a:avLst/>
              <a:gdLst>
                <a:gd name="connsiteX0" fmla="*/ 142139 w 178088"/>
                <a:gd name="connsiteY0" fmla="*/ 253829 h 256423"/>
                <a:gd name="connsiteX1" fmla="*/ 90866 w 178088"/>
                <a:gd name="connsiteY1" fmla="*/ 144292 h 256423"/>
                <a:gd name="connsiteX2" fmla="*/ 89399 w 178088"/>
                <a:gd name="connsiteY2" fmla="*/ 143196 h 256423"/>
                <a:gd name="connsiteX3" fmla="*/ 36669 w 178088"/>
                <a:gd name="connsiteY3" fmla="*/ 143196 h 256423"/>
                <a:gd name="connsiteX4" fmla="*/ 35202 w 178088"/>
                <a:gd name="connsiteY4" fmla="*/ 144292 h 256423"/>
                <a:gd name="connsiteX5" fmla="*/ 35202 w 178088"/>
                <a:gd name="connsiteY5" fmla="*/ 144654 h 256423"/>
                <a:gd name="connsiteX6" fmla="*/ 35202 w 178088"/>
                <a:gd name="connsiteY6" fmla="*/ 252696 h 256423"/>
                <a:gd name="connsiteX7" fmla="*/ 32459 w 178088"/>
                <a:gd name="connsiteY7" fmla="*/ 256363 h 256423"/>
                <a:gd name="connsiteX8" fmla="*/ 31535 w 178088"/>
                <a:gd name="connsiteY8" fmla="*/ 256363 h 256423"/>
                <a:gd name="connsiteX9" fmla="*/ 3703 w 178088"/>
                <a:gd name="connsiteY9" fmla="*/ 256363 h 256423"/>
                <a:gd name="connsiteX10" fmla="*/ 36 w 178088"/>
                <a:gd name="connsiteY10" fmla="*/ 253620 h 256423"/>
                <a:gd name="connsiteX11" fmla="*/ 36 w 178088"/>
                <a:gd name="connsiteY11" fmla="*/ 252696 h 256423"/>
                <a:gd name="connsiteX12" fmla="*/ 36 w 178088"/>
                <a:gd name="connsiteY12" fmla="*/ 3693 h 256423"/>
                <a:gd name="connsiteX13" fmla="*/ 2788 w 178088"/>
                <a:gd name="connsiteY13" fmla="*/ 36 h 256423"/>
                <a:gd name="connsiteX14" fmla="*/ 3703 w 178088"/>
                <a:gd name="connsiteY14" fmla="*/ 36 h 256423"/>
                <a:gd name="connsiteX15" fmla="*/ 102220 w 178088"/>
                <a:gd name="connsiteY15" fmla="*/ 36 h 256423"/>
                <a:gd name="connsiteX16" fmla="*/ 140863 w 178088"/>
                <a:gd name="connsiteY16" fmla="*/ 9189 h 256423"/>
                <a:gd name="connsiteX17" fmla="*/ 166676 w 178088"/>
                <a:gd name="connsiteY17" fmla="*/ 34821 h 256423"/>
                <a:gd name="connsiteX18" fmla="*/ 175829 w 178088"/>
                <a:gd name="connsiteY18" fmla="*/ 72921 h 256423"/>
                <a:gd name="connsiteX19" fmla="*/ 162494 w 178088"/>
                <a:gd name="connsiteY19" fmla="*/ 116326 h 256423"/>
                <a:gd name="connsiteX20" fmla="*/ 125347 w 178088"/>
                <a:gd name="connsiteY20" fmla="*/ 140310 h 256423"/>
                <a:gd name="connsiteX21" fmla="*/ 124623 w 178088"/>
                <a:gd name="connsiteY21" fmla="*/ 142149 h 256423"/>
                <a:gd name="connsiteX22" fmla="*/ 177725 w 178088"/>
                <a:gd name="connsiteY22" fmla="*/ 252020 h 256423"/>
                <a:gd name="connsiteX23" fmla="*/ 178087 w 178088"/>
                <a:gd name="connsiteY23" fmla="*/ 253839 h 256423"/>
                <a:gd name="connsiteX24" fmla="*/ 175162 w 178088"/>
                <a:gd name="connsiteY24" fmla="*/ 256411 h 256423"/>
                <a:gd name="connsiteX25" fmla="*/ 146226 w 178088"/>
                <a:gd name="connsiteY25" fmla="*/ 256411 h 256423"/>
                <a:gd name="connsiteX26" fmla="*/ 142139 w 178088"/>
                <a:gd name="connsiteY26" fmla="*/ 253829 h 256423"/>
                <a:gd name="connsiteX27" fmla="*/ 35202 w 178088"/>
                <a:gd name="connsiteY27" fmla="*/ 31897 h 256423"/>
                <a:gd name="connsiteX28" fmla="*/ 35202 w 178088"/>
                <a:gd name="connsiteY28" fmla="*/ 113974 h 256423"/>
                <a:gd name="connsiteX29" fmla="*/ 36307 w 178088"/>
                <a:gd name="connsiteY29" fmla="*/ 115431 h 256423"/>
                <a:gd name="connsiteX30" fmla="*/ 36669 w 178088"/>
                <a:gd name="connsiteY30" fmla="*/ 115431 h 256423"/>
                <a:gd name="connsiteX31" fmla="*/ 97829 w 178088"/>
                <a:gd name="connsiteY31" fmla="*/ 115431 h 256423"/>
                <a:gd name="connsiteX32" fmla="*/ 128956 w 178088"/>
                <a:gd name="connsiteY32" fmla="*/ 103896 h 256423"/>
                <a:gd name="connsiteX33" fmla="*/ 140673 w 178088"/>
                <a:gd name="connsiteY33" fmla="*/ 73321 h 256423"/>
                <a:gd name="connsiteX34" fmla="*/ 103087 w 178088"/>
                <a:gd name="connsiteY34" fmla="*/ 30459 h 256423"/>
                <a:gd name="connsiteX35" fmla="*/ 97810 w 178088"/>
                <a:gd name="connsiteY35" fmla="*/ 30459 h 256423"/>
                <a:gd name="connsiteX36" fmla="*/ 36650 w 178088"/>
                <a:gd name="connsiteY36" fmla="*/ 30459 h 256423"/>
                <a:gd name="connsiteX37" fmla="*/ 35202 w 178088"/>
                <a:gd name="connsiteY37" fmla="*/ 31583 h 256423"/>
                <a:gd name="connsiteX38" fmla="*/ 35202 w 178088"/>
                <a:gd name="connsiteY38" fmla="*/ 31887 h 2564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78088" h="256423">
                  <a:moveTo>
                    <a:pt x="142139" y="253829"/>
                  </a:moveTo>
                  <a:lnTo>
                    <a:pt x="90866" y="144292"/>
                  </a:lnTo>
                  <a:cubicBezTo>
                    <a:pt x="90704" y="143625"/>
                    <a:pt x="90085" y="143168"/>
                    <a:pt x="89399" y="143196"/>
                  </a:cubicBezTo>
                  <a:lnTo>
                    <a:pt x="36669" y="143196"/>
                  </a:lnTo>
                  <a:cubicBezTo>
                    <a:pt x="35964" y="143092"/>
                    <a:pt x="35307" y="143587"/>
                    <a:pt x="35202" y="144292"/>
                  </a:cubicBezTo>
                  <a:cubicBezTo>
                    <a:pt x="35183" y="144416"/>
                    <a:pt x="35183" y="144540"/>
                    <a:pt x="35202" y="144654"/>
                  </a:cubicBezTo>
                  <a:lnTo>
                    <a:pt x="35202" y="252696"/>
                  </a:lnTo>
                  <a:cubicBezTo>
                    <a:pt x="35459" y="254468"/>
                    <a:pt x="34231" y="256106"/>
                    <a:pt x="32459" y="256363"/>
                  </a:cubicBezTo>
                  <a:cubicBezTo>
                    <a:pt x="32154" y="256411"/>
                    <a:pt x="31840" y="256411"/>
                    <a:pt x="31535" y="256363"/>
                  </a:cubicBezTo>
                  <a:lnTo>
                    <a:pt x="3703" y="256363"/>
                  </a:lnTo>
                  <a:cubicBezTo>
                    <a:pt x="1931" y="256620"/>
                    <a:pt x="293" y="255391"/>
                    <a:pt x="36" y="253620"/>
                  </a:cubicBezTo>
                  <a:cubicBezTo>
                    <a:pt x="-12" y="253315"/>
                    <a:pt x="-12" y="253001"/>
                    <a:pt x="36" y="252696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02220" y="36"/>
                  </a:lnTo>
                  <a:cubicBezTo>
                    <a:pt x="115669" y="-250"/>
                    <a:pt x="128966" y="2903"/>
                    <a:pt x="140863" y="9189"/>
                  </a:cubicBezTo>
                  <a:cubicBezTo>
                    <a:pt x="151750" y="15076"/>
                    <a:pt x="160713" y="23972"/>
                    <a:pt x="166676" y="34821"/>
                  </a:cubicBezTo>
                  <a:cubicBezTo>
                    <a:pt x="172953" y="46518"/>
                    <a:pt x="176105" y="59643"/>
                    <a:pt x="175829" y="72921"/>
                  </a:cubicBezTo>
                  <a:cubicBezTo>
                    <a:pt x="176324" y="88466"/>
                    <a:pt x="171638" y="103734"/>
                    <a:pt x="162494" y="116326"/>
                  </a:cubicBezTo>
                  <a:cubicBezTo>
                    <a:pt x="153264" y="128376"/>
                    <a:pt x="140130" y="136853"/>
                    <a:pt x="125347" y="140310"/>
                  </a:cubicBezTo>
                  <a:cubicBezTo>
                    <a:pt x="124394" y="140806"/>
                    <a:pt x="124128" y="141406"/>
                    <a:pt x="124623" y="142149"/>
                  </a:cubicBezTo>
                  <a:lnTo>
                    <a:pt x="177725" y="252020"/>
                  </a:lnTo>
                  <a:cubicBezTo>
                    <a:pt x="177982" y="252591"/>
                    <a:pt x="178106" y="253210"/>
                    <a:pt x="178087" y="253839"/>
                  </a:cubicBezTo>
                  <a:cubicBezTo>
                    <a:pt x="178087" y="255553"/>
                    <a:pt x="177134" y="256411"/>
                    <a:pt x="175162" y="256411"/>
                  </a:cubicBezTo>
                  <a:lnTo>
                    <a:pt x="146226" y="256411"/>
                  </a:lnTo>
                  <a:cubicBezTo>
                    <a:pt x="144444" y="256554"/>
                    <a:pt x="142778" y="255506"/>
                    <a:pt x="142139" y="253829"/>
                  </a:cubicBezTo>
                  <a:close/>
                  <a:moveTo>
                    <a:pt x="35202" y="31897"/>
                  </a:moveTo>
                  <a:lnTo>
                    <a:pt x="35202" y="113974"/>
                  </a:lnTo>
                  <a:cubicBezTo>
                    <a:pt x="35107" y="114679"/>
                    <a:pt x="35602" y="115336"/>
                    <a:pt x="36307" y="115431"/>
                  </a:cubicBezTo>
                  <a:cubicBezTo>
                    <a:pt x="36431" y="115450"/>
                    <a:pt x="36554" y="115450"/>
                    <a:pt x="36669" y="115431"/>
                  </a:cubicBezTo>
                  <a:lnTo>
                    <a:pt x="97829" y="115431"/>
                  </a:lnTo>
                  <a:cubicBezTo>
                    <a:pt x="109345" y="115974"/>
                    <a:pt x="120575" y="111812"/>
                    <a:pt x="128956" y="103896"/>
                  </a:cubicBezTo>
                  <a:cubicBezTo>
                    <a:pt x="136938" y="95781"/>
                    <a:pt x="141187" y="84694"/>
                    <a:pt x="140673" y="73321"/>
                  </a:cubicBezTo>
                  <a:cubicBezTo>
                    <a:pt x="142130" y="51109"/>
                    <a:pt x="125299" y="31916"/>
                    <a:pt x="103087" y="30459"/>
                  </a:cubicBezTo>
                  <a:cubicBezTo>
                    <a:pt x="101334" y="30344"/>
                    <a:pt x="99572" y="30344"/>
                    <a:pt x="97810" y="30459"/>
                  </a:cubicBezTo>
                  <a:lnTo>
                    <a:pt x="36650" y="30459"/>
                  </a:lnTo>
                  <a:cubicBezTo>
                    <a:pt x="35935" y="30373"/>
                    <a:pt x="35288" y="30878"/>
                    <a:pt x="35202" y="31583"/>
                  </a:cubicBezTo>
                  <a:cubicBezTo>
                    <a:pt x="35192" y="31687"/>
                    <a:pt x="35192" y="31783"/>
                    <a:pt x="35202" y="3188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4" name="Freeform 43">
              <a:extLst>
                <a:ext uri="{FF2B5EF4-FFF2-40B4-BE49-F238E27FC236}">
                  <a16:creationId xmlns:a16="http://schemas.microsoft.com/office/drawing/2014/main" id="{88285875-179C-F045-BA66-75E035D6B03A}"/>
                </a:ext>
              </a:extLst>
            </p:cNvPr>
            <p:cNvSpPr/>
            <p:nvPr/>
          </p:nvSpPr>
          <p:spPr bwMode="gray">
            <a:xfrm>
              <a:off x="6399196" y="2005948"/>
              <a:ext cx="35226" cy="256436"/>
            </a:xfrm>
            <a:custGeom>
              <a:avLst/>
              <a:gdLst>
                <a:gd name="connsiteX0" fmla="*/ 36 w 35226"/>
                <a:gd name="connsiteY0" fmla="*/ 252734 h 256436"/>
                <a:gd name="connsiteX1" fmla="*/ 36 w 35226"/>
                <a:gd name="connsiteY1" fmla="*/ 3693 h 256436"/>
                <a:gd name="connsiteX2" fmla="*/ 2788 w 35226"/>
                <a:gd name="connsiteY2" fmla="*/ 36 h 256436"/>
                <a:gd name="connsiteX3" fmla="*/ 3702 w 35226"/>
                <a:gd name="connsiteY3" fmla="*/ 36 h 256436"/>
                <a:gd name="connsiteX4" fmla="*/ 31525 w 35226"/>
                <a:gd name="connsiteY4" fmla="*/ 36 h 256436"/>
                <a:gd name="connsiteX5" fmla="*/ 35192 w 35226"/>
                <a:gd name="connsiteY5" fmla="*/ 2808 h 256436"/>
                <a:gd name="connsiteX6" fmla="*/ 35192 w 35226"/>
                <a:gd name="connsiteY6" fmla="*/ 3693 h 256436"/>
                <a:gd name="connsiteX7" fmla="*/ 35192 w 35226"/>
                <a:gd name="connsiteY7" fmla="*/ 252734 h 256436"/>
                <a:gd name="connsiteX8" fmla="*/ 32449 w 35226"/>
                <a:gd name="connsiteY8" fmla="*/ 256401 h 256436"/>
                <a:gd name="connsiteX9" fmla="*/ 31525 w 35226"/>
                <a:gd name="connsiteY9" fmla="*/ 256401 h 256436"/>
                <a:gd name="connsiteX10" fmla="*/ 3702 w 35226"/>
                <a:gd name="connsiteY10" fmla="*/ 256401 h 256436"/>
                <a:gd name="connsiteX11" fmla="*/ 36 w 35226"/>
                <a:gd name="connsiteY11" fmla="*/ 253658 h 256436"/>
                <a:gd name="connsiteX12" fmla="*/ 36 w 35226"/>
                <a:gd name="connsiteY12" fmla="*/ 252734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5226" h="256436">
                  <a:moveTo>
                    <a:pt x="36" y="252734"/>
                  </a:move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2" y="36"/>
                  </a:cubicBezTo>
                  <a:lnTo>
                    <a:pt x="31525" y="36"/>
                  </a:lnTo>
                  <a:cubicBezTo>
                    <a:pt x="33306" y="-212"/>
                    <a:pt x="34945" y="1026"/>
                    <a:pt x="35192" y="2808"/>
                  </a:cubicBezTo>
                  <a:cubicBezTo>
                    <a:pt x="35230" y="3103"/>
                    <a:pt x="35230" y="3398"/>
                    <a:pt x="35192" y="3693"/>
                  </a:cubicBezTo>
                  <a:lnTo>
                    <a:pt x="35192" y="252734"/>
                  </a:lnTo>
                  <a:cubicBezTo>
                    <a:pt x="35449" y="254506"/>
                    <a:pt x="34221" y="256144"/>
                    <a:pt x="32449" y="256401"/>
                  </a:cubicBezTo>
                  <a:cubicBezTo>
                    <a:pt x="32144" y="256449"/>
                    <a:pt x="31830" y="256449"/>
                    <a:pt x="31525" y="256401"/>
                  </a:cubicBezTo>
                  <a:lnTo>
                    <a:pt x="3702" y="256401"/>
                  </a:lnTo>
                  <a:cubicBezTo>
                    <a:pt x="1931" y="256658"/>
                    <a:pt x="293" y="255429"/>
                    <a:pt x="36" y="253658"/>
                  </a:cubicBezTo>
                  <a:cubicBezTo>
                    <a:pt x="-12" y="253353"/>
                    <a:pt x="-12" y="253039"/>
                    <a:pt x="36" y="252734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5" name="Freeform 44">
              <a:extLst>
                <a:ext uri="{FF2B5EF4-FFF2-40B4-BE49-F238E27FC236}">
                  <a16:creationId xmlns:a16="http://schemas.microsoft.com/office/drawing/2014/main" id="{B04D4136-3EC7-4747-912D-0CC63898426A}"/>
                </a:ext>
              </a:extLst>
            </p:cNvPr>
            <p:cNvSpPr/>
            <p:nvPr/>
          </p:nvSpPr>
          <p:spPr bwMode="gray">
            <a:xfrm>
              <a:off x="6507961" y="2005952"/>
              <a:ext cx="182816" cy="256432"/>
            </a:xfrm>
            <a:custGeom>
              <a:avLst/>
              <a:gdLst>
                <a:gd name="connsiteX0" fmla="*/ 182783 w 182816"/>
                <a:gd name="connsiteY0" fmla="*/ 3689 h 256432"/>
                <a:gd name="connsiteX1" fmla="*/ 182783 w 182816"/>
                <a:gd name="connsiteY1" fmla="*/ 27130 h 256432"/>
                <a:gd name="connsiteX2" fmla="*/ 180049 w 182816"/>
                <a:gd name="connsiteY2" fmla="*/ 30788 h 256432"/>
                <a:gd name="connsiteX3" fmla="*/ 179125 w 182816"/>
                <a:gd name="connsiteY3" fmla="*/ 30788 h 256432"/>
                <a:gd name="connsiteX4" fmla="*/ 108812 w 182816"/>
                <a:gd name="connsiteY4" fmla="*/ 30788 h 256432"/>
                <a:gd name="connsiteX5" fmla="*/ 107345 w 182816"/>
                <a:gd name="connsiteY5" fmla="*/ 31883 h 256432"/>
                <a:gd name="connsiteX6" fmla="*/ 107345 w 182816"/>
                <a:gd name="connsiteY6" fmla="*/ 32255 h 256432"/>
                <a:gd name="connsiteX7" fmla="*/ 107345 w 182816"/>
                <a:gd name="connsiteY7" fmla="*/ 252730 h 256432"/>
                <a:gd name="connsiteX8" fmla="*/ 104601 w 182816"/>
                <a:gd name="connsiteY8" fmla="*/ 256397 h 256432"/>
                <a:gd name="connsiteX9" fmla="*/ 103678 w 182816"/>
                <a:gd name="connsiteY9" fmla="*/ 256397 h 256432"/>
                <a:gd name="connsiteX10" fmla="*/ 75846 w 182816"/>
                <a:gd name="connsiteY10" fmla="*/ 256397 h 256432"/>
                <a:gd name="connsiteX11" fmla="*/ 72178 w 182816"/>
                <a:gd name="connsiteY11" fmla="*/ 253654 h 256432"/>
                <a:gd name="connsiteX12" fmla="*/ 72178 w 182816"/>
                <a:gd name="connsiteY12" fmla="*/ 252730 h 256432"/>
                <a:gd name="connsiteX13" fmla="*/ 72178 w 182816"/>
                <a:gd name="connsiteY13" fmla="*/ 32255 h 256432"/>
                <a:gd name="connsiteX14" fmla="*/ 71083 w 182816"/>
                <a:gd name="connsiteY14" fmla="*/ 30788 h 256432"/>
                <a:gd name="connsiteX15" fmla="*/ 70721 w 182816"/>
                <a:gd name="connsiteY15" fmla="*/ 30788 h 256432"/>
                <a:gd name="connsiteX16" fmla="*/ 3694 w 182816"/>
                <a:gd name="connsiteY16" fmla="*/ 30788 h 256432"/>
                <a:gd name="connsiteX17" fmla="*/ 36 w 182816"/>
                <a:gd name="connsiteY17" fmla="*/ 28054 h 256432"/>
                <a:gd name="connsiteX18" fmla="*/ 36 w 182816"/>
                <a:gd name="connsiteY18" fmla="*/ 27130 h 256432"/>
                <a:gd name="connsiteX19" fmla="*/ 36 w 182816"/>
                <a:gd name="connsiteY19" fmla="*/ 3689 h 256432"/>
                <a:gd name="connsiteX20" fmla="*/ 2788 w 182816"/>
                <a:gd name="connsiteY20" fmla="*/ 32 h 256432"/>
                <a:gd name="connsiteX21" fmla="*/ 3694 w 182816"/>
                <a:gd name="connsiteY21" fmla="*/ 32 h 256432"/>
                <a:gd name="connsiteX22" fmla="*/ 179125 w 182816"/>
                <a:gd name="connsiteY22" fmla="*/ 32 h 256432"/>
                <a:gd name="connsiteX23" fmla="*/ 182783 w 182816"/>
                <a:gd name="connsiteY23" fmla="*/ 2784 h 256432"/>
                <a:gd name="connsiteX24" fmla="*/ 182783 w 182816"/>
                <a:gd name="connsiteY24" fmla="*/ 3689 h 256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82816" h="256432">
                  <a:moveTo>
                    <a:pt x="182783" y="3689"/>
                  </a:moveTo>
                  <a:lnTo>
                    <a:pt x="182783" y="27130"/>
                  </a:lnTo>
                  <a:cubicBezTo>
                    <a:pt x="183040" y="28892"/>
                    <a:pt x="181811" y="30531"/>
                    <a:pt x="180049" y="30788"/>
                  </a:cubicBezTo>
                  <a:cubicBezTo>
                    <a:pt x="179744" y="30836"/>
                    <a:pt x="179430" y="30836"/>
                    <a:pt x="179125" y="30788"/>
                  </a:cubicBezTo>
                  <a:lnTo>
                    <a:pt x="108812" y="30788"/>
                  </a:lnTo>
                  <a:cubicBezTo>
                    <a:pt x="108106" y="30683"/>
                    <a:pt x="107450" y="31179"/>
                    <a:pt x="107345" y="31883"/>
                  </a:cubicBezTo>
                  <a:cubicBezTo>
                    <a:pt x="107326" y="32007"/>
                    <a:pt x="107326" y="32131"/>
                    <a:pt x="107345" y="32255"/>
                  </a:cubicBezTo>
                  <a:lnTo>
                    <a:pt x="107345" y="252730"/>
                  </a:lnTo>
                  <a:cubicBezTo>
                    <a:pt x="107602" y="254502"/>
                    <a:pt x="106373" y="256140"/>
                    <a:pt x="104601" y="256397"/>
                  </a:cubicBezTo>
                  <a:cubicBezTo>
                    <a:pt x="104297" y="256445"/>
                    <a:pt x="103982" y="256445"/>
                    <a:pt x="103678" y="256397"/>
                  </a:cubicBezTo>
                  <a:lnTo>
                    <a:pt x="75846" y="256397"/>
                  </a:lnTo>
                  <a:cubicBezTo>
                    <a:pt x="74074" y="256654"/>
                    <a:pt x="72435" y="255425"/>
                    <a:pt x="72178" y="253654"/>
                  </a:cubicBezTo>
                  <a:cubicBezTo>
                    <a:pt x="72131" y="253349"/>
                    <a:pt x="72131" y="253035"/>
                    <a:pt x="72178" y="252730"/>
                  </a:cubicBezTo>
                  <a:lnTo>
                    <a:pt x="72178" y="32255"/>
                  </a:lnTo>
                  <a:cubicBezTo>
                    <a:pt x="72283" y="31550"/>
                    <a:pt x="71788" y="30893"/>
                    <a:pt x="71083" y="30788"/>
                  </a:cubicBezTo>
                  <a:cubicBezTo>
                    <a:pt x="70959" y="30769"/>
                    <a:pt x="70845" y="30769"/>
                    <a:pt x="70721" y="30788"/>
                  </a:cubicBezTo>
                  <a:lnTo>
                    <a:pt x="3694" y="30788"/>
                  </a:lnTo>
                  <a:cubicBezTo>
                    <a:pt x="1932" y="31045"/>
                    <a:pt x="293" y="29816"/>
                    <a:pt x="36" y="28054"/>
                  </a:cubicBezTo>
                  <a:cubicBezTo>
                    <a:pt x="-12" y="27750"/>
                    <a:pt x="-12" y="27435"/>
                    <a:pt x="36" y="27130"/>
                  </a:cubicBezTo>
                  <a:lnTo>
                    <a:pt x="36" y="3689"/>
                  </a:lnTo>
                  <a:cubicBezTo>
                    <a:pt x="-212" y="1918"/>
                    <a:pt x="1017" y="279"/>
                    <a:pt x="2788" y="32"/>
                  </a:cubicBezTo>
                  <a:cubicBezTo>
                    <a:pt x="3094" y="-6"/>
                    <a:pt x="3398" y="-6"/>
                    <a:pt x="3694" y="32"/>
                  </a:cubicBezTo>
                  <a:lnTo>
                    <a:pt x="179125" y="32"/>
                  </a:lnTo>
                  <a:cubicBezTo>
                    <a:pt x="180897" y="-216"/>
                    <a:pt x="182535" y="1013"/>
                    <a:pt x="182783" y="2784"/>
                  </a:cubicBezTo>
                  <a:cubicBezTo>
                    <a:pt x="182821" y="3089"/>
                    <a:pt x="182821" y="3394"/>
                    <a:pt x="182783" y="368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6" name="Freeform 45">
              <a:extLst>
                <a:ext uri="{FF2B5EF4-FFF2-40B4-BE49-F238E27FC236}">
                  <a16:creationId xmlns:a16="http://schemas.microsoft.com/office/drawing/2014/main" id="{F96B19C0-9536-E248-B7F8-3A765B5E2BF6}"/>
                </a:ext>
              </a:extLst>
            </p:cNvPr>
            <p:cNvSpPr/>
            <p:nvPr/>
          </p:nvSpPr>
          <p:spPr bwMode="gray">
            <a:xfrm>
              <a:off x="6731738" y="2005959"/>
              <a:ext cx="189582" cy="256063"/>
            </a:xfrm>
            <a:custGeom>
              <a:avLst/>
              <a:gdLst>
                <a:gd name="connsiteX0" fmla="*/ 76935 w 189582"/>
                <a:gd name="connsiteY0" fmla="*/ 252361 h 256063"/>
                <a:gd name="connsiteX1" fmla="*/ 76935 w 189582"/>
                <a:gd name="connsiteY1" fmla="*/ 149443 h 256063"/>
                <a:gd name="connsiteX2" fmla="*/ 76573 w 189582"/>
                <a:gd name="connsiteY2" fmla="*/ 147614 h 256063"/>
                <a:gd name="connsiteX3" fmla="*/ 373 w 189582"/>
                <a:gd name="connsiteY3" fmla="*/ 4425 h 256063"/>
                <a:gd name="connsiteX4" fmla="*/ 2 w 189582"/>
                <a:gd name="connsiteY4" fmla="*/ 2587 h 256063"/>
                <a:gd name="connsiteX5" fmla="*/ 2935 w 189582"/>
                <a:gd name="connsiteY5" fmla="*/ 25 h 256063"/>
                <a:gd name="connsiteX6" fmla="*/ 32968 w 189582"/>
                <a:gd name="connsiteY6" fmla="*/ 25 h 256063"/>
                <a:gd name="connsiteX7" fmla="*/ 37359 w 189582"/>
                <a:gd name="connsiteY7" fmla="*/ 2587 h 256063"/>
                <a:gd name="connsiteX8" fmla="*/ 93394 w 189582"/>
                <a:gd name="connsiteY8" fmla="*/ 109895 h 256063"/>
                <a:gd name="connsiteX9" fmla="*/ 94947 w 189582"/>
                <a:gd name="connsiteY9" fmla="*/ 110543 h 256063"/>
                <a:gd name="connsiteX10" fmla="*/ 95594 w 189582"/>
                <a:gd name="connsiteY10" fmla="*/ 109895 h 256063"/>
                <a:gd name="connsiteX11" fmla="*/ 151630 w 189582"/>
                <a:gd name="connsiteY11" fmla="*/ 2587 h 256063"/>
                <a:gd name="connsiteX12" fmla="*/ 156021 w 189582"/>
                <a:gd name="connsiteY12" fmla="*/ 25 h 256063"/>
                <a:gd name="connsiteX13" fmla="*/ 186425 w 189582"/>
                <a:gd name="connsiteY13" fmla="*/ 25 h 256063"/>
                <a:gd name="connsiteX14" fmla="*/ 189168 w 189582"/>
                <a:gd name="connsiteY14" fmla="*/ 1301 h 256063"/>
                <a:gd name="connsiteX15" fmla="*/ 188987 w 189582"/>
                <a:gd name="connsiteY15" fmla="*/ 4425 h 256063"/>
                <a:gd name="connsiteX16" fmla="*/ 112444 w 189582"/>
                <a:gd name="connsiteY16" fmla="*/ 147614 h 256063"/>
                <a:gd name="connsiteX17" fmla="*/ 112082 w 189582"/>
                <a:gd name="connsiteY17" fmla="*/ 149443 h 256063"/>
                <a:gd name="connsiteX18" fmla="*/ 112082 w 189582"/>
                <a:gd name="connsiteY18" fmla="*/ 252361 h 256063"/>
                <a:gd name="connsiteX19" fmla="*/ 109339 w 189582"/>
                <a:gd name="connsiteY19" fmla="*/ 256028 h 256063"/>
                <a:gd name="connsiteX20" fmla="*/ 108415 w 189582"/>
                <a:gd name="connsiteY20" fmla="*/ 256028 h 256063"/>
                <a:gd name="connsiteX21" fmla="*/ 80574 w 189582"/>
                <a:gd name="connsiteY21" fmla="*/ 256028 h 256063"/>
                <a:gd name="connsiteX22" fmla="*/ 76935 w 189582"/>
                <a:gd name="connsiteY22" fmla="*/ 253247 h 256063"/>
                <a:gd name="connsiteX23" fmla="*/ 76935 w 189582"/>
                <a:gd name="connsiteY23" fmla="*/ 252361 h 256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9582" h="256063">
                  <a:moveTo>
                    <a:pt x="76935" y="252361"/>
                  </a:moveTo>
                  <a:lnTo>
                    <a:pt x="76935" y="149443"/>
                  </a:lnTo>
                  <a:cubicBezTo>
                    <a:pt x="77011" y="148815"/>
                    <a:pt x="76887" y="148167"/>
                    <a:pt x="76573" y="147614"/>
                  </a:cubicBezTo>
                  <a:lnTo>
                    <a:pt x="373" y="4425"/>
                  </a:lnTo>
                  <a:cubicBezTo>
                    <a:pt x="107" y="3854"/>
                    <a:pt x="-17" y="3215"/>
                    <a:pt x="2" y="2587"/>
                  </a:cubicBezTo>
                  <a:cubicBezTo>
                    <a:pt x="2" y="882"/>
                    <a:pt x="954" y="25"/>
                    <a:pt x="2935" y="25"/>
                  </a:cubicBezTo>
                  <a:lnTo>
                    <a:pt x="32968" y="25"/>
                  </a:lnTo>
                  <a:cubicBezTo>
                    <a:pt x="34835" y="-175"/>
                    <a:pt x="36616" y="863"/>
                    <a:pt x="37359" y="2587"/>
                  </a:cubicBezTo>
                  <a:lnTo>
                    <a:pt x="93394" y="109895"/>
                  </a:lnTo>
                  <a:cubicBezTo>
                    <a:pt x="93642" y="110505"/>
                    <a:pt x="94347" y="110791"/>
                    <a:pt x="94947" y="110543"/>
                  </a:cubicBezTo>
                  <a:cubicBezTo>
                    <a:pt x="95242" y="110419"/>
                    <a:pt x="95471" y="110191"/>
                    <a:pt x="95594" y="109895"/>
                  </a:cubicBezTo>
                  <a:lnTo>
                    <a:pt x="151630" y="2587"/>
                  </a:lnTo>
                  <a:cubicBezTo>
                    <a:pt x="152373" y="863"/>
                    <a:pt x="154154" y="-175"/>
                    <a:pt x="156021" y="25"/>
                  </a:cubicBezTo>
                  <a:lnTo>
                    <a:pt x="186425" y="25"/>
                  </a:lnTo>
                  <a:cubicBezTo>
                    <a:pt x="187502" y="-42"/>
                    <a:pt x="188530" y="434"/>
                    <a:pt x="189168" y="1301"/>
                  </a:cubicBezTo>
                  <a:cubicBezTo>
                    <a:pt x="189778" y="2272"/>
                    <a:pt x="189711" y="3530"/>
                    <a:pt x="188987" y="4425"/>
                  </a:cubicBezTo>
                  <a:lnTo>
                    <a:pt x="112444" y="147614"/>
                  </a:lnTo>
                  <a:cubicBezTo>
                    <a:pt x="112130" y="148167"/>
                    <a:pt x="111997" y="148815"/>
                    <a:pt x="112082" y="149443"/>
                  </a:cubicBezTo>
                  <a:lnTo>
                    <a:pt x="112082" y="252361"/>
                  </a:lnTo>
                  <a:cubicBezTo>
                    <a:pt x="112339" y="254133"/>
                    <a:pt x="111111" y="255771"/>
                    <a:pt x="109339" y="256028"/>
                  </a:cubicBezTo>
                  <a:cubicBezTo>
                    <a:pt x="109034" y="256075"/>
                    <a:pt x="108720" y="256075"/>
                    <a:pt x="108415" y="256028"/>
                  </a:cubicBezTo>
                  <a:lnTo>
                    <a:pt x="80574" y="256028"/>
                  </a:lnTo>
                  <a:cubicBezTo>
                    <a:pt x="78802" y="256266"/>
                    <a:pt x="77173" y="255028"/>
                    <a:pt x="76935" y="253247"/>
                  </a:cubicBezTo>
                  <a:cubicBezTo>
                    <a:pt x="76887" y="252951"/>
                    <a:pt x="76897" y="252656"/>
                    <a:pt x="76935" y="252361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7" name="Freeform 46">
              <a:extLst>
                <a:ext uri="{FF2B5EF4-FFF2-40B4-BE49-F238E27FC236}">
                  <a16:creationId xmlns:a16="http://schemas.microsoft.com/office/drawing/2014/main" id="{85FB0B7B-6150-2043-9376-7C0E7F9B14B7}"/>
                </a:ext>
              </a:extLst>
            </p:cNvPr>
            <p:cNvSpPr/>
            <p:nvPr/>
          </p:nvSpPr>
          <p:spPr bwMode="gray">
            <a:xfrm>
              <a:off x="7085357" y="2005969"/>
              <a:ext cx="207176" cy="256397"/>
            </a:xfrm>
            <a:custGeom>
              <a:avLst/>
              <a:gdLst>
                <a:gd name="connsiteX0" fmla="*/ 169391 w 207176"/>
                <a:gd name="connsiteY0" fmla="*/ 253446 h 256397"/>
                <a:gd name="connsiteX1" fmla="*/ 156199 w 207176"/>
                <a:gd name="connsiteY1" fmla="*/ 210584 h 256397"/>
                <a:gd name="connsiteX2" fmla="*/ 154741 w 207176"/>
                <a:gd name="connsiteY2" fmla="*/ 209488 h 256397"/>
                <a:gd name="connsiteX3" fmla="*/ 51871 w 207176"/>
                <a:gd name="connsiteY3" fmla="*/ 209488 h 256397"/>
                <a:gd name="connsiteX4" fmla="*/ 50414 w 207176"/>
                <a:gd name="connsiteY4" fmla="*/ 210584 h 256397"/>
                <a:gd name="connsiteX5" fmla="*/ 37222 w 207176"/>
                <a:gd name="connsiteY5" fmla="*/ 253446 h 256397"/>
                <a:gd name="connsiteX6" fmla="*/ 32831 w 207176"/>
                <a:gd name="connsiteY6" fmla="*/ 256380 h 256397"/>
                <a:gd name="connsiteX7" fmla="*/ 3170 w 207176"/>
                <a:gd name="connsiteY7" fmla="*/ 256380 h 256397"/>
                <a:gd name="connsiteX8" fmla="*/ 236 w 207176"/>
                <a:gd name="connsiteY8" fmla="*/ 252351 h 256397"/>
                <a:gd name="connsiteX9" fmla="*/ 80437 w 207176"/>
                <a:gd name="connsiteY9" fmla="*/ 2939 h 256397"/>
                <a:gd name="connsiteX10" fmla="*/ 84838 w 207176"/>
                <a:gd name="connsiteY10" fmla="*/ 14 h 256397"/>
                <a:gd name="connsiteX11" fmla="*/ 121461 w 207176"/>
                <a:gd name="connsiteY11" fmla="*/ 14 h 256397"/>
                <a:gd name="connsiteX12" fmla="*/ 125852 w 207176"/>
                <a:gd name="connsiteY12" fmla="*/ 2939 h 256397"/>
                <a:gd name="connsiteX13" fmla="*/ 206814 w 207176"/>
                <a:gd name="connsiteY13" fmla="*/ 252351 h 256397"/>
                <a:gd name="connsiteX14" fmla="*/ 207177 w 207176"/>
                <a:gd name="connsiteY14" fmla="*/ 253808 h 256397"/>
                <a:gd name="connsiteX15" fmla="*/ 203881 w 207176"/>
                <a:gd name="connsiteY15" fmla="*/ 256380 h 256397"/>
                <a:gd name="connsiteX16" fmla="*/ 173848 w 207176"/>
                <a:gd name="connsiteY16" fmla="*/ 256380 h 256397"/>
                <a:gd name="connsiteX17" fmla="*/ 169391 w 207176"/>
                <a:gd name="connsiteY17" fmla="*/ 253446 h 256397"/>
                <a:gd name="connsiteX18" fmla="*/ 59701 w 207176"/>
                <a:gd name="connsiteY18" fmla="*/ 181113 h 256397"/>
                <a:gd name="connsiteX19" fmla="*/ 60977 w 207176"/>
                <a:gd name="connsiteY19" fmla="*/ 181666 h 256397"/>
                <a:gd name="connsiteX20" fmla="*/ 145216 w 207176"/>
                <a:gd name="connsiteY20" fmla="*/ 181666 h 256397"/>
                <a:gd name="connsiteX21" fmla="*/ 146492 w 207176"/>
                <a:gd name="connsiteY21" fmla="*/ 181113 h 256397"/>
                <a:gd name="connsiteX22" fmla="*/ 146683 w 207176"/>
                <a:gd name="connsiteY22" fmla="*/ 179837 h 256397"/>
                <a:gd name="connsiteX23" fmla="*/ 104192 w 207176"/>
                <a:gd name="connsiteY23" fmla="*/ 43963 h 256397"/>
                <a:gd name="connsiteX24" fmla="*/ 102659 w 207176"/>
                <a:gd name="connsiteY24" fmla="*/ 43306 h 256397"/>
                <a:gd name="connsiteX25" fmla="*/ 102002 w 207176"/>
                <a:gd name="connsiteY25" fmla="*/ 43963 h 256397"/>
                <a:gd name="connsiteX26" fmla="*/ 59511 w 207176"/>
                <a:gd name="connsiteY26" fmla="*/ 179837 h 256397"/>
                <a:gd name="connsiteX27" fmla="*/ 59701 w 207176"/>
                <a:gd name="connsiteY27" fmla="*/ 181113 h 256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07176" h="256397">
                  <a:moveTo>
                    <a:pt x="169391" y="253446"/>
                  </a:moveTo>
                  <a:lnTo>
                    <a:pt x="156199" y="210584"/>
                  </a:lnTo>
                  <a:cubicBezTo>
                    <a:pt x="156037" y="209917"/>
                    <a:pt x="155427" y="209460"/>
                    <a:pt x="154741" y="209488"/>
                  </a:cubicBezTo>
                  <a:lnTo>
                    <a:pt x="51871" y="209488"/>
                  </a:lnTo>
                  <a:cubicBezTo>
                    <a:pt x="51185" y="209450"/>
                    <a:pt x="50566" y="209917"/>
                    <a:pt x="50414" y="210584"/>
                  </a:cubicBezTo>
                  <a:lnTo>
                    <a:pt x="37222" y="253446"/>
                  </a:lnTo>
                  <a:cubicBezTo>
                    <a:pt x="36613" y="255322"/>
                    <a:pt x="34793" y="256532"/>
                    <a:pt x="32831" y="256380"/>
                  </a:cubicBezTo>
                  <a:lnTo>
                    <a:pt x="3170" y="256380"/>
                  </a:lnTo>
                  <a:cubicBezTo>
                    <a:pt x="475" y="256380"/>
                    <a:pt x="-497" y="255037"/>
                    <a:pt x="236" y="252351"/>
                  </a:cubicBezTo>
                  <a:lnTo>
                    <a:pt x="80437" y="2939"/>
                  </a:lnTo>
                  <a:cubicBezTo>
                    <a:pt x="81056" y="1062"/>
                    <a:pt x="82875" y="-138"/>
                    <a:pt x="84838" y="14"/>
                  </a:cubicBezTo>
                  <a:lnTo>
                    <a:pt x="121461" y="14"/>
                  </a:lnTo>
                  <a:cubicBezTo>
                    <a:pt x="123423" y="-147"/>
                    <a:pt x="125243" y="1062"/>
                    <a:pt x="125852" y="2939"/>
                  </a:cubicBezTo>
                  <a:lnTo>
                    <a:pt x="206814" y="252351"/>
                  </a:lnTo>
                  <a:lnTo>
                    <a:pt x="207177" y="253808"/>
                  </a:lnTo>
                  <a:cubicBezTo>
                    <a:pt x="207177" y="255523"/>
                    <a:pt x="206081" y="256380"/>
                    <a:pt x="203881" y="256380"/>
                  </a:cubicBezTo>
                  <a:lnTo>
                    <a:pt x="173848" y="256380"/>
                  </a:lnTo>
                  <a:cubicBezTo>
                    <a:pt x="171858" y="256561"/>
                    <a:pt x="170010" y="255342"/>
                    <a:pt x="169391" y="253446"/>
                  </a:cubicBezTo>
                  <a:close/>
                  <a:moveTo>
                    <a:pt x="59701" y="181113"/>
                  </a:moveTo>
                  <a:cubicBezTo>
                    <a:pt x="60034" y="181466"/>
                    <a:pt x="60491" y="181666"/>
                    <a:pt x="60977" y="181666"/>
                  </a:cubicBezTo>
                  <a:lnTo>
                    <a:pt x="145216" y="181666"/>
                  </a:lnTo>
                  <a:cubicBezTo>
                    <a:pt x="145702" y="181666"/>
                    <a:pt x="146159" y="181466"/>
                    <a:pt x="146492" y="181113"/>
                  </a:cubicBezTo>
                  <a:cubicBezTo>
                    <a:pt x="146855" y="180790"/>
                    <a:pt x="146931" y="180256"/>
                    <a:pt x="146683" y="179837"/>
                  </a:cubicBezTo>
                  <a:lnTo>
                    <a:pt x="104192" y="43963"/>
                  </a:lnTo>
                  <a:cubicBezTo>
                    <a:pt x="103944" y="43353"/>
                    <a:pt x="103259" y="43068"/>
                    <a:pt x="102659" y="43306"/>
                  </a:cubicBezTo>
                  <a:cubicBezTo>
                    <a:pt x="102354" y="43429"/>
                    <a:pt x="102125" y="43667"/>
                    <a:pt x="102002" y="43963"/>
                  </a:cubicBezTo>
                  <a:lnTo>
                    <a:pt x="59511" y="179837"/>
                  </a:lnTo>
                  <a:cubicBezTo>
                    <a:pt x="59263" y="180256"/>
                    <a:pt x="59339" y="180790"/>
                    <a:pt x="59701" y="18111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" name="Freeform 47">
              <a:extLst>
                <a:ext uri="{FF2B5EF4-FFF2-40B4-BE49-F238E27FC236}">
                  <a16:creationId xmlns:a16="http://schemas.microsoft.com/office/drawing/2014/main" id="{06873B28-3241-F14D-AB47-EA7BFAC309A4}"/>
                </a:ext>
              </a:extLst>
            </p:cNvPr>
            <p:cNvSpPr/>
            <p:nvPr/>
          </p:nvSpPr>
          <p:spPr bwMode="gray">
            <a:xfrm>
              <a:off x="7360179" y="2005867"/>
              <a:ext cx="175871" cy="256635"/>
            </a:xfrm>
            <a:custGeom>
              <a:avLst/>
              <a:gdLst>
                <a:gd name="connsiteX0" fmla="*/ 40 w 175871"/>
                <a:gd name="connsiteY0" fmla="*/ 252816 h 256635"/>
                <a:gd name="connsiteX1" fmla="*/ 40 w 175871"/>
                <a:gd name="connsiteY1" fmla="*/ 3775 h 256635"/>
                <a:gd name="connsiteX2" fmla="*/ 2792 w 175871"/>
                <a:gd name="connsiteY2" fmla="*/ 117 h 256635"/>
                <a:gd name="connsiteX3" fmla="*/ 3707 w 175871"/>
                <a:gd name="connsiteY3" fmla="*/ 117 h 256635"/>
                <a:gd name="connsiteX4" fmla="*/ 92289 w 175871"/>
                <a:gd name="connsiteY4" fmla="*/ 117 h 256635"/>
                <a:gd name="connsiteX5" fmla="*/ 153087 w 175871"/>
                <a:gd name="connsiteY5" fmla="*/ 20072 h 256635"/>
                <a:gd name="connsiteX6" fmla="*/ 175814 w 175871"/>
                <a:gd name="connsiteY6" fmla="*/ 73365 h 256635"/>
                <a:gd name="connsiteX7" fmla="*/ 175814 w 175871"/>
                <a:gd name="connsiteY7" fmla="*/ 183226 h 256635"/>
                <a:gd name="connsiteX8" fmla="*/ 153106 w 175871"/>
                <a:gd name="connsiteY8" fmla="*/ 236518 h 256635"/>
                <a:gd name="connsiteX9" fmla="*/ 92308 w 175871"/>
                <a:gd name="connsiteY9" fmla="*/ 256521 h 256635"/>
                <a:gd name="connsiteX10" fmla="*/ 3725 w 175871"/>
                <a:gd name="connsiteY10" fmla="*/ 256521 h 256635"/>
                <a:gd name="connsiteX11" fmla="*/ 40 w 175871"/>
                <a:gd name="connsiteY11" fmla="*/ 253806 h 256635"/>
                <a:gd name="connsiteX12" fmla="*/ 40 w 175871"/>
                <a:gd name="connsiteY12" fmla="*/ 252816 h 256635"/>
                <a:gd name="connsiteX13" fmla="*/ 36663 w 175871"/>
                <a:gd name="connsiteY13" fmla="*/ 226079 h 256635"/>
                <a:gd name="connsiteX14" fmla="*/ 93813 w 175871"/>
                <a:gd name="connsiteY14" fmla="*/ 226079 h 256635"/>
                <a:gd name="connsiteX15" fmla="*/ 127693 w 175871"/>
                <a:gd name="connsiteY15" fmla="*/ 213077 h 256635"/>
                <a:gd name="connsiteX16" fmla="*/ 140695 w 175871"/>
                <a:gd name="connsiteY16" fmla="*/ 178101 h 256635"/>
                <a:gd name="connsiteX17" fmla="*/ 140695 w 175871"/>
                <a:gd name="connsiteY17" fmla="*/ 78489 h 256635"/>
                <a:gd name="connsiteX18" fmla="*/ 128056 w 175871"/>
                <a:gd name="connsiteY18" fmla="*/ 43513 h 256635"/>
                <a:gd name="connsiteX19" fmla="*/ 93765 w 175871"/>
                <a:gd name="connsiteY19" fmla="*/ 30511 h 256635"/>
                <a:gd name="connsiteX20" fmla="*/ 36615 w 175871"/>
                <a:gd name="connsiteY20" fmla="*/ 30511 h 256635"/>
                <a:gd name="connsiteX21" fmla="*/ 35148 w 175871"/>
                <a:gd name="connsiteY21" fmla="*/ 31607 h 256635"/>
                <a:gd name="connsiteX22" fmla="*/ 35148 w 175871"/>
                <a:gd name="connsiteY22" fmla="*/ 31969 h 256635"/>
                <a:gd name="connsiteX23" fmla="*/ 35148 w 175871"/>
                <a:gd name="connsiteY23" fmla="*/ 224622 h 256635"/>
                <a:gd name="connsiteX24" fmla="*/ 36225 w 175871"/>
                <a:gd name="connsiteY24" fmla="*/ 226088 h 256635"/>
                <a:gd name="connsiteX25" fmla="*/ 36663 w 175871"/>
                <a:gd name="connsiteY25" fmla="*/ 226079 h 2566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75871" h="256635">
                  <a:moveTo>
                    <a:pt x="40" y="252816"/>
                  </a:moveTo>
                  <a:lnTo>
                    <a:pt x="40" y="3775"/>
                  </a:lnTo>
                  <a:cubicBezTo>
                    <a:pt x="-208" y="2003"/>
                    <a:pt x="1020" y="365"/>
                    <a:pt x="2792" y="117"/>
                  </a:cubicBezTo>
                  <a:cubicBezTo>
                    <a:pt x="3097" y="70"/>
                    <a:pt x="3402" y="70"/>
                    <a:pt x="3707" y="117"/>
                  </a:cubicBezTo>
                  <a:lnTo>
                    <a:pt x="92289" y="117"/>
                  </a:lnTo>
                  <a:cubicBezTo>
                    <a:pt x="114330" y="-1016"/>
                    <a:pt x="135999" y="6099"/>
                    <a:pt x="153087" y="20072"/>
                  </a:cubicBezTo>
                  <a:cubicBezTo>
                    <a:pt x="168298" y="33512"/>
                    <a:pt x="176642" y="53086"/>
                    <a:pt x="175814" y="73365"/>
                  </a:cubicBezTo>
                  <a:lnTo>
                    <a:pt x="175814" y="183226"/>
                  </a:lnTo>
                  <a:cubicBezTo>
                    <a:pt x="176652" y="203505"/>
                    <a:pt x="168308" y="223078"/>
                    <a:pt x="153106" y="236518"/>
                  </a:cubicBezTo>
                  <a:cubicBezTo>
                    <a:pt x="136028" y="250510"/>
                    <a:pt x="114358" y="257645"/>
                    <a:pt x="92308" y="256521"/>
                  </a:cubicBezTo>
                  <a:lnTo>
                    <a:pt x="3725" y="256521"/>
                  </a:lnTo>
                  <a:cubicBezTo>
                    <a:pt x="1954" y="256787"/>
                    <a:pt x="306" y="255578"/>
                    <a:pt x="40" y="253806"/>
                  </a:cubicBezTo>
                  <a:cubicBezTo>
                    <a:pt x="-18" y="253482"/>
                    <a:pt x="-8" y="253139"/>
                    <a:pt x="40" y="252816"/>
                  </a:cubicBezTo>
                  <a:close/>
                  <a:moveTo>
                    <a:pt x="36663" y="226079"/>
                  </a:moveTo>
                  <a:lnTo>
                    <a:pt x="93813" y="226079"/>
                  </a:lnTo>
                  <a:cubicBezTo>
                    <a:pt x="106434" y="226679"/>
                    <a:pt x="118721" y="221964"/>
                    <a:pt x="127693" y="213077"/>
                  </a:cubicBezTo>
                  <a:cubicBezTo>
                    <a:pt x="136447" y="203571"/>
                    <a:pt x="141114" y="191017"/>
                    <a:pt x="140695" y="178101"/>
                  </a:cubicBezTo>
                  <a:lnTo>
                    <a:pt x="140695" y="78489"/>
                  </a:lnTo>
                  <a:cubicBezTo>
                    <a:pt x="141352" y="65602"/>
                    <a:pt x="136799" y="53000"/>
                    <a:pt x="128056" y="43513"/>
                  </a:cubicBezTo>
                  <a:cubicBezTo>
                    <a:pt x="118950" y="34569"/>
                    <a:pt x="106510" y="29845"/>
                    <a:pt x="93765" y="30511"/>
                  </a:cubicBezTo>
                  <a:lnTo>
                    <a:pt x="36615" y="30511"/>
                  </a:lnTo>
                  <a:cubicBezTo>
                    <a:pt x="35911" y="30407"/>
                    <a:pt x="35253" y="30902"/>
                    <a:pt x="35148" y="31607"/>
                  </a:cubicBezTo>
                  <a:cubicBezTo>
                    <a:pt x="35129" y="31731"/>
                    <a:pt x="35129" y="31855"/>
                    <a:pt x="35148" y="31969"/>
                  </a:cubicBezTo>
                  <a:lnTo>
                    <a:pt x="35148" y="224622"/>
                  </a:lnTo>
                  <a:cubicBezTo>
                    <a:pt x="35044" y="225327"/>
                    <a:pt x="35520" y="225984"/>
                    <a:pt x="36225" y="226088"/>
                  </a:cubicBezTo>
                  <a:cubicBezTo>
                    <a:pt x="36368" y="226108"/>
                    <a:pt x="36520" y="226108"/>
                    <a:pt x="36663" y="22607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" name="Freeform 48">
              <a:extLst>
                <a:ext uri="{FF2B5EF4-FFF2-40B4-BE49-F238E27FC236}">
                  <a16:creationId xmlns:a16="http://schemas.microsoft.com/office/drawing/2014/main" id="{A1AD7273-C786-2848-A9E7-C94BE0B43C3B}"/>
                </a:ext>
              </a:extLst>
            </p:cNvPr>
            <p:cNvSpPr/>
            <p:nvPr/>
          </p:nvSpPr>
          <p:spPr bwMode="gray">
            <a:xfrm>
              <a:off x="7589475" y="2005971"/>
              <a:ext cx="196541" cy="256391"/>
            </a:xfrm>
            <a:custGeom>
              <a:avLst/>
              <a:gdLst>
                <a:gd name="connsiteX0" fmla="*/ 78743 w 196541"/>
                <a:gd name="connsiteY0" fmla="*/ 253445 h 256391"/>
                <a:gd name="connsiteX1" fmla="*/ 371 w 196541"/>
                <a:gd name="connsiteY1" fmla="*/ 4042 h 256391"/>
                <a:gd name="connsiteX2" fmla="*/ 0 w 196541"/>
                <a:gd name="connsiteY2" fmla="*/ 2575 h 256391"/>
                <a:gd name="connsiteX3" fmla="*/ 3296 w 196541"/>
                <a:gd name="connsiteY3" fmla="*/ 13 h 256391"/>
                <a:gd name="connsiteX4" fmla="*/ 32966 w 196541"/>
                <a:gd name="connsiteY4" fmla="*/ 13 h 256391"/>
                <a:gd name="connsiteX5" fmla="*/ 37357 w 196541"/>
                <a:gd name="connsiteY5" fmla="*/ 2937 h 256391"/>
                <a:gd name="connsiteX6" fmla="*/ 97784 w 196541"/>
                <a:gd name="connsiteY6" fmla="*/ 205467 h 256391"/>
                <a:gd name="connsiteX7" fmla="*/ 99336 w 196541"/>
                <a:gd name="connsiteY7" fmla="*/ 206115 h 256391"/>
                <a:gd name="connsiteX8" fmla="*/ 99984 w 196541"/>
                <a:gd name="connsiteY8" fmla="*/ 205467 h 256391"/>
                <a:gd name="connsiteX9" fmla="*/ 160411 w 196541"/>
                <a:gd name="connsiteY9" fmla="*/ 2937 h 256391"/>
                <a:gd name="connsiteX10" fmla="*/ 164440 w 196541"/>
                <a:gd name="connsiteY10" fmla="*/ 13 h 256391"/>
                <a:gd name="connsiteX11" fmla="*/ 193377 w 196541"/>
                <a:gd name="connsiteY11" fmla="*/ 13 h 256391"/>
                <a:gd name="connsiteX12" fmla="*/ 196310 w 196541"/>
                <a:gd name="connsiteY12" fmla="*/ 4042 h 256391"/>
                <a:gd name="connsiteX13" fmla="*/ 117196 w 196541"/>
                <a:gd name="connsiteY13" fmla="*/ 253445 h 256391"/>
                <a:gd name="connsiteX14" fmla="*/ 112805 w 196541"/>
                <a:gd name="connsiteY14" fmla="*/ 256378 h 256391"/>
                <a:gd name="connsiteX15" fmla="*/ 83134 w 196541"/>
                <a:gd name="connsiteY15" fmla="*/ 256378 h 256391"/>
                <a:gd name="connsiteX16" fmla="*/ 78743 w 196541"/>
                <a:gd name="connsiteY16" fmla="*/ 253445 h 2563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96541" h="256391">
                  <a:moveTo>
                    <a:pt x="78743" y="253445"/>
                  </a:moveTo>
                  <a:lnTo>
                    <a:pt x="371" y="4042"/>
                  </a:lnTo>
                  <a:lnTo>
                    <a:pt x="0" y="2575"/>
                  </a:lnTo>
                  <a:cubicBezTo>
                    <a:pt x="0" y="870"/>
                    <a:pt x="1095" y="23"/>
                    <a:pt x="3296" y="13"/>
                  </a:cubicBezTo>
                  <a:lnTo>
                    <a:pt x="32966" y="13"/>
                  </a:lnTo>
                  <a:cubicBezTo>
                    <a:pt x="34928" y="-140"/>
                    <a:pt x="36748" y="1070"/>
                    <a:pt x="37357" y="2937"/>
                  </a:cubicBezTo>
                  <a:lnTo>
                    <a:pt x="97784" y="205467"/>
                  </a:lnTo>
                  <a:cubicBezTo>
                    <a:pt x="98031" y="206077"/>
                    <a:pt x="98727" y="206363"/>
                    <a:pt x="99336" y="206115"/>
                  </a:cubicBezTo>
                  <a:cubicBezTo>
                    <a:pt x="99632" y="205991"/>
                    <a:pt x="99860" y="205763"/>
                    <a:pt x="99984" y="205467"/>
                  </a:cubicBezTo>
                  <a:lnTo>
                    <a:pt x="160411" y="2937"/>
                  </a:lnTo>
                  <a:cubicBezTo>
                    <a:pt x="160915" y="1146"/>
                    <a:pt x="162583" y="-54"/>
                    <a:pt x="164440" y="13"/>
                  </a:cubicBezTo>
                  <a:lnTo>
                    <a:pt x="193377" y="13"/>
                  </a:lnTo>
                  <a:cubicBezTo>
                    <a:pt x="196062" y="13"/>
                    <a:pt x="197034" y="1356"/>
                    <a:pt x="196310" y="4042"/>
                  </a:cubicBezTo>
                  <a:lnTo>
                    <a:pt x="117196" y="253445"/>
                  </a:lnTo>
                  <a:cubicBezTo>
                    <a:pt x="116586" y="255321"/>
                    <a:pt x="114767" y="256531"/>
                    <a:pt x="112805" y="256378"/>
                  </a:cubicBezTo>
                  <a:lnTo>
                    <a:pt x="83134" y="256378"/>
                  </a:lnTo>
                  <a:cubicBezTo>
                    <a:pt x="81172" y="256531"/>
                    <a:pt x="79353" y="255321"/>
                    <a:pt x="78743" y="253445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DA0E97CF-A3EC-9D4B-898C-D2618A83AA16}"/>
                </a:ext>
              </a:extLst>
            </p:cNvPr>
            <p:cNvSpPr/>
            <p:nvPr/>
          </p:nvSpPr>
          <p:spPr bwMode="gray">
            <a:xfrm>
              <a:off x="7815220" y="2005969"/>
              <a:ext cx="207176" cy="256397"/>
            </a:xfrm>
            <a:custGeom>
              <a:avLst/>
              <a:gdLst>
                <a:gd name="connsiteX0" fmla="*/ 169400 w 207176"/>
                <a:gd name="connsiteY0" fmla="*/ 253446 h 256397"/>
                <a:gd name="connsiteX1" fmla="*/ 156218 w 207176"/>
                <a:gd name="connsiteY1" fmla="*/ 210584 h 256397"/>
                <a:gd name="connsiteX2" fmla="*/ 154751 w 207176"/>
                <a:gd name="connsiteY2" fmla="*/ 209488 h 256397"/>
                <a:gd name="connsiteX3" fmla="*/ 51881 w 207176"/>
                <a:gd name="connsiteY3" fmla="*/ 209488 h 256397"/>
                <a:gd name="connsiteX4" fmla="*/ 50414 w 207176"/>
                <a:gd name="connsiteY4" fmla="*/ 210584 h 256397"/>
                <a:gd name="connsiteX5" fmla="*/ 37231 w 207176"/>
                <a:gd name="connsiteY5" fmla="*/ 253446 h 256397"/>
                <a:gd name="connsiteX6" fmla="*/ 32831 w 207176"/>
                <a:gd name="connsiteY6" fmla="*/ 256380 h 256397"/>
                <a:gd name="connsiteX7" fmla="*/ 3170 w 207176"/>
                <a:gd name="connsiteY7" fmla="*/ 256380 h 256397"/>
                <a:gd name="connsiteX8" fmla="*/ 237 w 207176"/>
                <a:gd name="connsiteY8" fmla="*/ 252351 h 256397"/>
                <a:gd name="connsiteX9" fmla="*/ 80446 w 207176"/>
                <a:gd name="connsiteY9" fmla="*/ 2939 h 256397"/>
                <a:gd name="connsiteX10" fmla="*/ 84837 w 207176"/>
                <a:gd name="connsiteY10" fmla="*/ 14 h 256397"/>
                <a:gd name="connsiteX11" fmla="*/ 121461 w 207176"/>
                <a:gd name="connsiteY11" fmla="*/ 14 h 256397"/>
                <a:gd name="connsiteX12" fmla="*/ 125852 w 207176"/>
                <a:gd name="connsiteY12" fmla="*/ 2939 h 256397"/>
                <a:gd name="connsiteX13" fmla="*/ 206815 w 207176"/>
                <a:gd name="connsiteY13" fmla="*/ 252351 h 256397"/>
                <a:gd name="connsiteX14" fmla="*/ 207176 w 207176"/>
                <a:gd name="connsiteY14" fmla="*/ 253808 h 256397"/>
                <a:gd name="connsiteX15" fmla="*/ 203881 w 207176"/>
                <a:gd name="connsiteY15" fmla="*/ 256380 h 256397"/>
                <a:gd name="connsiteX16" fmla="*/ 173849 w 207176"/>
                <a:gd name="connsiteY16" fmla="*/ 256380 h 256397"/>
                <a:gd name="connsiteX17" fmla="*/ 169400 w 207176"/>
                <a:gd name="connsiteY17" fmla="*/ 253446 h 256397"/>
                <a:gd name="connsiteX18" fmla="*/ 59710 w 207176"/>
                <a:gd name="connsiteY18" fmla="*/ 181113 h 256397"/>
                <a:gd name="connsiteX19" fmla="*/ 60996 w 207176"/>
                <a:gd name="connsiteY19" fmla="*/ 181666 h 256397"/>
                <a:gd name="connsiteX20" fmla="*/ 145226 w 207176"/>
                <a:gd name="connsiteY20" fmla="*/ 181666 h 256397"/>
                <a:gd name="connsiteX21" fmla="*/ 146512 w 207176"/>
                <a:gd name="connsiteY21" fmla="*/ 181113 h 256397"/>
                <a:gd name="connsiteX22" fmla="*/ 146693 w 207176"/>
                <a:gd name="connsiteY22" fmla="*/ 179837 h 256397"/>
                <a:gd name="connsiteX23" fmla="*/ 104211 w 207176"/>
                <a:gd name="connsiteY23" fmla="*/ 43963 h 256397"/>
                <a:gd name="connsiteX24" fmla="*/ 102659 w 207176"/>
                <a:gd name="connsiteY24" fmla="*/ 43315 h 256397"/>
                <a:gd name="connsiteX25" fmla="*/ 102011 w 207176"/>
                <a:gd name="connsiteY25" fmla="*/ 43963 h 256397"/>
                <a:gd name="connsiteX26" fmla="*/ 59529 w 207176"/>
                <a:gd name="connsiteY26" fmla="*/ 179837 h 256397"/>
                <a:gd name="connsiteX27" fmla="*/ 59739 w 207176"/>
                <a:gd name="connsiteY27" fmla="*/ 181113 h 256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07176" h="256397">
                  <a:moveTo>
                    <a:pt x="169400" y="253446"/>
                  </a:moveTo>
                  <a:lnTo>
                    <a:pt x="156218" y="210584"/>
                  </a:lnTo>
                  <a:cubicBezTo>
                    <a:pt x="156046" y="209917"/>
                    <a:pt x="155436" y="209460"/>
                    <a:pt x="154751" y="209488"/>
                  </a:cubicBezTo>
                  <a:lnTo>
                    <a:pt x="51881" y="209488"/>
                  </a:lnTo>
                  <a:cubicBezTo>
                    <a:pt x="51195" y="209450"/>
                    <a:pt x="50576" y="209917"/>
                    <a:pt x="50414" y="210584"/>
                  </a:cubicBezTo>
                  <a:lnTo>
                    <a:pt x="37231" y="253446"/>
                  </a:lnTo>
                  <a:cubicBezTo>
                    <a:pt x="36622" y="255322"/>
                    <a:pt x="34802" y="256532"/>
                    <a:pt x="32831" y="256380"/>
                  </a:cubicBezTo>
                  <a:lnTo>
                    <a:pt x="3170" y="256380"/>
                  </a:lnTo>
                  <a:cubicBezTo>
                    <a:pt x="474" y="256380"/>
                    <a:pt x="-497" y="255037"/>
                    <a:pt x="237" y="252351"/>
                  </a:cubicBezTo>
                  <a:lnTo>
                    <a:pt x="80446" y="2939"/>
                  </a:lnTo>
                  <a:cubicBezTo>
                    <a:pt x="81056" y="1062"/>
                    <a:pt x="82875" y="-147"/>
                    <a:pt x="84837" y="14"/>
                  </a:cubicBezTo>
                  <a:lnTo>
                    <a:pt x="121461" y="14"/>
                  </a:lnTo>
                  <a:cubicBezTo>
                    <a:pt x="123423" y="-147"/>
                    <a:pt x="125242" y="1062"/>
                    <a:pt x="125852" y="2939"/>
                  </a:cubicBezTo>
                  <a:lnTo>
                    <a:pt x="206815" y="252351"/>
                  </a:lnTo>
                  <a:lnTo>
                    <a:pt x="207176" y="253808"/>
                  </a:lnTo>
                  <a:cubicBezTo>
                    <a:pt x="207176" y="255523"/>
                    <a:pt x="206081" y="256380"/>
                    <a:pt x="203881" y="256380"/>
                  </a:cubicBezTo>
                  <a:lnTo>
                    <a:pt x="173849" y="256380"/>
                  </a:lnTo>
                  <a:cubicBezTo>
                    <a:pt x="171867" y="256561"/>
                    <a:pt x="170019" y="255342"/>
                    <a:pt x="169400" y="253446"/>
                  </a:cubicBezTo>
                  <a:close/>
                  <a:moveTo>
                    <a:pt x="59710" y="181113"/>
                  </a:moveTo>
                  <a:cubicBezTo>
                    <a:pt x="60044" y="181466"/>
                    <a:pt x="60511" y="181666"/>
                    <a:pt x="60996" y="181666"/>
                  </a:cubicBezTo>
                  <a:lnTo>
                    <a:pt x="145226" y="181666"/>
                  </a:lnTo>
                  <a:cubicBezTo>
                    <a:pt x="145711" y="181666"/>
                    <a:pt x="146178" y="181466"/>
                    <a:pt x="146512" y="181113"/>
                  </a:cubicBezTo>
                  <a:cubicBezTo>
                    <a:pt x="146874" y="180790"/>
                    <a:pt x="146950" y="180247"/>
                    <a:pt x="146693" y="179837"/>
                  </a:cubicBezTo>
                  <a:lnTo>
                    <a:pt x="104211" y="43963"/>
                  </a:lnTo>
                  <a:cubicBezTo>
                    <a:pt x="103963" y="43353"/>
                    <a:pt x="103259" y="43068"/>
                    <a:pt x="102659" y="43315"/>
                  </a:cubicBezTo>
                  <a:cubicBezTo>
                    <a:pt x="102363" y="43439"/>
                    <a:pt x="102135" y="43667"/>
                    <a:pt x="102011" y="43963"/>
                  </a:cubicBezTo>
                  <a:lnTo>
                    <a:pt x="59529" y="179837"/>
                  </a:lnTo>
                  <a:cubicBezTo>
                    <a:pt x="59282" y="180256"/>
                    <a:pt x="59367" y="180799"/>
                    <a:pt x="59739" y="18111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1" name="Freeform 50">
              <a:extLst>
                <a:ext uri="{FF2B5EF4-FFF2-40B4-BE49-F238E27FC236}">
                  <a16:creationId xmlns:a16="http://schemas.microsoft.com/office/drawing/2014/main" id="{F2FF4CFE-5050-634C-8DD3-F59ED20A67B7}"/>
                </a:ext>
              </a:extLst>
            </p:cNvPr>
            <p:cNvSpPr/>
            <p:nvPr/>
          </p:nvSpPr>
          <p:spPr bwMode="gray">
            <a:xfrm>
              <a:off x="8093731" y="2005948"/>
              <a:ext cx="186131" cy="256436"/>
            </a:xfrm>
            <a:custGeom>
              <a:avLst/>
              <a:gdLst>
                <a:gd name="connsiteX0" fmla="*/ 154607 w 186131"/>
                <a:gd name="connsiteY0" fmla="*/ 36 h 256436"/>
                <a:gd name="connsiteX1" fmla="*/ 182430 w 186131"/>
                <a:gd name="connsiteY1" fmla="*/ 36 h 256436"/>
                <a:gd name="connsiteX2" fmla="*/ 186097 w 186131"/>
                <a:gd name="connsiteY2" fmla="*/ 2779 h 256436"/>
                <a:gd name="connsiteX3" fmla="*/ 186097 w 186131"/>
                <a:gd name="connsiteY3" fmla="*/ 3693 h 256436"/>
                <a:gd name="connsiteX4" fmla="*/ 186097 w 186131"/>
                <a:gd name="connsiteY4" fmla="*/ 252734 h 256436"/>
                <a:gd name="connsiteX5" fmla="*/ 183354 w 186131"/>
                <a:gd name="connsiteY5" fmla="*/ 256401 h 256436"/>
                <a:gd name="connsiteX6" fmla="*/ 182430 w 186131"/>
                <a:gd name="connsiteY6" fmla="*/ 256401 h 256436"/>
                <a:gd name="connsiteX7" fmla="*/ 155684 w 186131"/>
                <a:gd name="connsiteY7" fmla="*/ 256401 h 256436"/>
                <a:gd name="connsiteX8" fmla="*/ 151283 w 186131"/>
                <a:gd name="connsiteY8" fmla="*/ 253829 h 256436"/>
                <a:gd name="connsiteX9" fmla="*/ 36659 w 186131"/>
                <a:gd name="connsiteY9" fmla="*/ 66692 h 256436"/>
                <a:gd name="connsiteX10" fmla="*/ 35555 w 186131"/>
                <a:gd name="connsiteY10" fmla="*/ 65739 h 256436"/>
                <a:gd name="connsiteX11" fmla="*/ 34821 w 186131"/>
                <a:gd name="connsiteY11" fmla="*/ 67025 h 256436"/>
                <a:gd name="connsiteX12" fmla="*/ 35192 w 186131"/>
                <a:gd name="connsiteY12" fmla="*/ 252706 h 256436"/>
                <a:gd name="connsiteX13" fmla="*/ 32449 w 186131"/>
                <a:gd name="connsiteY13" fmla="*/ 256372 h 256436"/>
                <a:gd name="connsiteX14" fmla="*/ 31525 w 186131"/>
                <a:gd name="connsiteY14" fmla="*/ 256372 h 256436"/>
                <a:gd name="connsiteX15" fmla="*/ 3693 w 186131"/>
                <a:gd name="connsiteY15" fmla="*/ 256372 h 256436"/>
                <a:gd name="connsiteX16" fmla="*/ 36 w 186131"/>
                <a:gd name="connsiteY16" fmla="*/ 253639 h 256436"/>
                <a:gd name="connsiteX17" fmla="*/ 36 w 186131"/>
                <a:gd name="connsiteY17" fmla="*/ 252706 h 256436"/>
                <a:gd name="connsiteX18" fmla="*/ 36 w 186131"/>
                <a:gd name="connsiteY18" fmla="*/ 3693 h 256436"/>
                <a:gd name="connsiteX19" fmla="*/ 2769 w 186131"/>
                <a:gd name="connsiteY19" fmla="*/ 36 h 256436"/>
                <a:gd name="connsiteX20" fmla="*/ 3693 w 186131"/>
                <a:gd name="connsiteY20" fmla="*/ 36 h 256436"/>
                <a:gd name="connsiteX21" fmla="*/ 30801 w 186131"/>
                <a:gd name="connsiteY21" fmla="*/ 36 h 256436"/>
                <a:gd name="connsiteX22" fmla="*/ 35192 w 186131"/>
                <a:gd name="connsiteY22" fmla="*/ 2598 h 256436"/>
                <a:gd name="connsiteX23" fmla="*/ 149492 w 186131"/>
                <a:gd name="connsiteY23" fmla="*/ 189745 h 256436"/>
                <a:gd name="connsiteX24" fmla="*/ 150598 w 186131"/>
                <a:gd name="connsiteY24" fmla="*/ 190698 h 256436"/>
                <a:gd name="connsiteX25" fmla="*/ 151321 w 186131"/>
                <a:gd name="connsiteY25" fmla="*/ 189421 h 256436"/>
                <a:gd name="connsiteX26" fmla="*/ 150959 w 186131"/>
                <a:gd name="connsiteY26" fmla="*/ 3684 h 256436"/>
                <a:gd name="connsiteX27" fmla="*/ 153731 w 186131"/>
                <a:gd name="connsiteY27" fmla="*/ 36 h 256436"/>
                <a:gd name="connsiteX28" fmla="*/ 154607 w 186131"/>
                <a:gd name="connsiteY28" fmla="*/ 36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186131" h="256436">
                  <a:moveTo>
                    <a:pt x="154607" y="36"/>
                  </a:moveTo>
                  <a:lnTo>
                    <a:pt x="182430" y="36"/>
                  </a:lnTo>
                  <a:cubicBezTo>
                    <a:pt x="184201" y="-221"/>
                    <a:pt x="185840" y="1007"/>
                    <a:pt x="186097" y="2779"/>
                  </a:cubicBezTo>
                  <a:cubicBezTo>
                    <a:pt x="186135" y="3084"/>
                    <a:pt x="186135" y="3389"/>
                    <a:pt x="186097" y="3693"/>
                  </a:cubicBezTo>
                  <a:lnTo>
                    <a:pt x="186097" y="252734"/>
                  </a:lnTo>
                  <a:cubicBezTo>
                    <a:pt x="186354" y="254506"/>
                    <a:pt x="185126" y="256144"/>
                    <a:pt x="183354" y="256401"/>
                  </a:cubicBezTo>
                  <a:cubicBezTo>
                    <a:pt x="183049" y="256449"/>
                    <a:pt x="182734" y="256449"/>
                    <a:pt x="182430" y="256401"/>
                  </a:cubicBezTo>
                  <a:lnTo>
                    <a:pt x="155684" y="256401"/>
                  </a:lnTo>
                  <a:cubicBezTo>
                    <a:pt x="153874" y="256354"/>
                    <a:pt x="152217" y="255382"/>
                    <a:pt x="151283" y="253829"/>
                  </a:cubicBezTo>
                  <a:lnTo>
                    <a:pt x="36659" y="66692"/>
                  </a:lnTo>
                  <a:cubicBezTo>
                    <a:pt x="36411" y="65958"/>
                    <a:pt x="36040" y="65653"/>
                    <a:pt x="35555" y="65739"/>
                  </a:cubicBezTo>
                  <a:cubicBezTo>
                    <a:pt x="35069" y="65825"/>
                    <a:pt x="34821" y="66301"/>
                    <a:pt x="34821" y="67025"/>
                  </a:cubicBezTo>
                  <a:lnTo>
                    <a:pt x="35192" y="252706"/>
                  </a:lnTo>
                  <a:cubicBezTo>
                    <a:pt x="35449" y="254477"/>
                    <a:pt x="34221" y="256115"/>
                    <a:pt x="32449" y="256372"/>
                  </a:cubicBezTo>
                  <a:cubicBezTo>
                    <a:pt x="32144" y="256420"/>
                    <a:pt x="31830" y="256420"/>
                    <a:pt x="31525" y="256372"/>
                  </a:cubicBezTo>
                  <a:lnTo>
                    <a:pt x="3693" y="256372"/>
                  </a:lnTo>
                  <a:cubicBezTo>
                    <a:pt x="1931" y="256630"/>
                    <a:pt x="293" y="255401"/>
                    <a:pt x="36" y="253639"/>
                  </a:cubicBezTo>
                  <a:cubicBezTo>
                    <a:pt x="-12" y="253334"/>
                    <a:pt x="-12" y="253020"/>
                    <a:pt x="36" y="252706"/>
                  </a:cubicBezTo>
                  <a:lnTo>
                    <a:pt x="36" y="3693"/>
                  </a:lnTo>
                  <a:cubicBezTo>
                    <a:pt x="-222" y="1931"/>
                    <a:pt x="1007" y="293"/>
                    <a:pt x="2769" y="36"/>
                  </a:cubicBezTo>
                  <a:cubicBezTo>
                    <a:pt x="3074" y="-12"/>
                    <a:pt x="3388" y="-12"/>
                    <a:pt x="3693" y="36"/>
                  </a:cubicBezTo>
                  <a:lnTo>
                    <a:pt x="30801" y="36"/>
                  </a:lnTo>
                  <a:cubicBezTo>
                    <a:pt x="32602" y="93"/>
                    <a:pt x="34259" y="1055"/>
                    <a:pt x="35192" y="2598"/>
                  </a:cubicBezTo>
                  <a:lnTo>
                    <a:pt x="149492" y="189745"/>
                  </a:lnTo>
                  <a:cubicBezTo>
                    <a:pt x="149731" y="190478"/>
                    <a:pt x="150102" y="190783"/>
                    <a:pt x="150598" y="190698"/>
                  </a:cubicBezTo>
                  <a:cubicBezTo>
                    <a:pt x="151093" y="190612"/>
                    <a:pt x="151321" y="190155"/>
                    <a:pt x="151321" y="189421"/>
                  </a:cubicBezTo>
                  <a:lnTo>
                    <a:pt x="150959" y="3684"/>
                  </a:lnTo>
                  <a:cubicBezTo>
                    <a:pt x="150711" y="1912"/>
                    <a:pt x="151959" y="274"/>
                    <a:pt x="153731" y="36"/>
                  </a:cubicBezTo>
                  <a:cubicBezTo>
                    <a:pt x="154016" y="-2"/>
                    <a:pt x="154312" y="-2"/>
                    <a:pt x="154607" y="36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2" name="Freeform 51">
              <a:extLst>
                <a:ext uri="{FF2B5EF4-FFF2-40B4-BE49-F238E27FC236}">
                  <a16:creationId xmlns:a16="http://schemas.microsoft.com/office/drawing/2014/main" id="{771B62FE-55DE-604F-B670-A662D53A2CC3}"/>
                </a:ext>
              </a:extLst>
            </p:cNvPr>
            <p:cNvSpPr/>
            <p:nvPr/>
          </p:nvSpPr>
          <p:spPr bwMode="gray">
            <a:xfrm>
              <a:off x="8350110" y="2005948"/>
              <a:ext cx="182819" cy="256436"/>
            </a:xfrm>
            <a:custGeom>
              <a:avLst/>
              <a:gdLst>
                <a:gd name="connsiteX0" fmla="*/ 182788 w 182819"/>
                <a:gd name="connsiteY0" fmla="*/ 3693 h 256436"/>
                <a:gd name="connsiteX1" fmla="*/ 182788 w 182819"/>
                <a:gd name="connsiteY1" fmla="*/ 27134 h 256436"/>
                <a:gd name="connsiteX2" fmla="*/ 180035 w 182819"/>
                <a:gd name="connsiteY2" fmla="*/ 30792 h 256436"/>
                <a:gd name="connsiteX3" fmla="*/ 179121 w 182819"/>
                <a:gd name="connsiteY3" fmla="*/ 30792 h 256436"/>
                <a:gd name="connsiteX4" fmla="*/ 108855 w 182819"/>
                <a:gd name="connsiteY4" fmla="*/ 30792 h 256436"/>
                <a:gd name="connsiteX5" fmla="*/ 107388 w 182819"/>
                <a:gd name="connsiteY5" fmla="*/ 31887 h 256436"/>
                <a:gd name="connsiteX6" fmla="*/ 107388 w 182819"/>
                <a:gd name="connsiteY6" fmla="*/ 32259 h 256436"/>
                <a:gd name="connsiteX7" fmla="*/ 107388 w 182819"/>
                <a:gd name="connsiteY7" fmla="*/ 252734 h 256436"/>
                <a:gd name="connsiteX8" fmla="*/ 104645 w 182819"/>
                <a:gd name="connsiteY8" fmla="*/ 256401 h 256436"/>
                <a:gd name="connsiteX9" fmla="*/ 103721 w 182819"/>
                <a:gd name="connsiteY9" fmla="*/ 256401 h 256436"/>
                <a:gd name="connsiteX10" fmla="*/ 75899 w 182819"/>
                <a:gd name="connsiteY10" fmla="*/ 256401 h 256436"/>
                <a:gd name="connsiteX11" fmla="*/ 72231 w 182819"/>
                <a:gd name="connsiteY11" fmla="*/ 253658 h 256436"/>
                <a:gd name="connsiteX12" fmla="*/ 72231 w 182819"/>
                <a:gd name="connsiteY12" fmla="*/ 252734 h 256436"/>
                <a:gd name="connsiteX13" fmla="*/ 72231 w 182819"/>
                <a:gd name="connsiteY13" fmla="*/ 32259 h 256436"/>
                <a:gd name="connsiteX14" fmla="*/ 71108 w 182819"/>
                <a:gd name="connsiteY14" fmla="*/ 30792 h 256436"/>
                <a:gd name="connsiteX15" fmla="*/ 70765 w 182819"/>
                <a:gd name="connsiteY15" fmla="*/ 30792 h 256436"/>
                <a:gd name="connsiteX16" fmla="*/ 3699 w 182819"/>
                <a:gd name="connsiteY16" fmla="*/ 30792 h 256436"/>
                <a:gd name="connsiteX17" fmla="*/ 32 w 182819"/>
                <a:gd name="connsiteY17" fmla="*/ 28049 h 256436"/>
                <a:gd name="connsiteX18" fmla="*/ 32 w 182819"/>
                <a:gd name="connsiteY18" fmla="*/ 27134 h 256436"/>
                <a:gd name="connsiteX19" fmla="*/ 32 w 182819"/>
                <a:gd name="connsiteY19" fmla="*/ 3693 h 256436"/>
                <a:gd name="connsiteX20" fmla="*/ 2784 w 182819"/>
                <a:gd name="connsiteY20" fmla="*/ 36 h 256436"/>
                <a:gd name="connsiteX21" fmla="*/ 3699 w 182819"/>
                <a:gd name="connsiteY21" fmla="*/ 36 h 256436"/>
                <a:gd name="connsiteX22" fmla="*/ 179121 w 182819"/>
                <a:gd name="connsiteY22" fmla="*/ 36 h 256436"/>
                <a:gd name="connsiteX23" fmla="*/ 182788 w 182819"/>
                <a:gd name="connsiteY23" fmla="*/ 2808 h 256436"/>
                <a:gd name="connsiteX24" fmla="*/ 182788 w 182819"/>
                <a:gd name="connsiteY24" fmla="*/ 3693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82819" h="256436">
                  <a:moveTo>
                    <a:pt x="182788" y="3693"/>
                  </a:moveTo>
                  <a:lnTo>
                    <a:pt x="182788" y="27134"/>
                  </a:lnTo>
                  <a:cubicBezTo>
                    <a:pt x="183036" y="28906"/>
                    <a:pt x="181807" y="30544"/>
                    <a:pt x="180035" y="30792"/>
                  </a:cubicBezTo>
                  <a:cubicBezTo>
                    <a:pt x="179731" y="30840"/>
                    <a:pt x="179426" y="30840"/>
                    <a:pt x="179121" y="30792"/>
                  </a:cubicBezTo>
                  <a:lnTo>
                    <a:pt x="108855" y="30792"/>
                  </a:lnTo>
                  <a:cubicBezTo>
                    <a:pt x="108150" y="30687"/>
                    <a:pt x="107493" y="31183"/>
                    <a:pt x="107388" y="31887"/>
                  </a:cubicBezTo>
                  <a:cubicBezTo>
                    <a:pt x="107369" y="32011"/>
                    <a:pt x="107369" y="32135"/>
                    <a:pt x="107388" y="32259"/>
                  </a:cubicBezTo>
                  <a:lnTo>
                    <a:pt x="107388" y="252734"/>
                  </a:lnTo>
                  <a:cubicBezTo>
                    <a:pt x="107646" y="254506"/>
                    <a:pt x="106417" y="256144"/>
                    <a:pt x="104645" y="256401"/>
                  </a:cubicBezTo>
                  <a:cubicBezTo>
                    <a:pt x="104340" y="256449"/>
                    <a:pt x="104026" y="256449"/>
                    <a:pt x="103721" y="256401"/>
                  </a:cubicBezTo>
                  <a:lnTo>
                    <a:pt x="75899" y="256401"/>
                  </a:lnTo>
                  <a:cubicBezTo>
                    <a:pt x="74127" y="256658"/>
                    <a:pt x="72488" y="255429"/>
                    <a:pt x="72231" y="253658"/>
                  </a:cubicBezTo>
                  <a:cubicBezTo>
                    <a:pt x="72184" y="253353"/>
                    <a:pt x="72184" y="253039"/>
                    <a:pt x="72231" y="252734"/>
                  </a:cubicBezTo>
                  <a:lnTo>
                    <a:pt x="72231" y="32259"/>
                  </a:lnTo>
                  <a:cubicBezTo>
                    <a:pt x="72327" y="31544"/>
                    <a:pt x="71822" y="30887"/>
                    <a:pt x="71108" y="30792"/>
                  </a:cubicBezTo>
                  <a:cubicBezTo>
                    <a:pt x="70993" y="30773"/>
                    <a:pt x="70879" y="30773"/>
                    <a:pt x="70765" y="30792"/>
                  </a:cubicBezTo>
                  <a:lnTo>
                    <a:pt x="3699" y="30792"/>
                  </a:lnTo>
                  <a:cubicBezTo>
                    <a:pt x="1928" y="31049"/>
                    <a:pt x="289" y="29820"/>
                    <a:pt x="32" y="28049"/>
                  </a:cubicBezTo>
                  <a:cubicBezTo>
                    <a:pt x="-6" y="27744"/>
                    <a:pt x="-6" y="27439"/>
                    <a:pt x="32" y="27134"/>
                  </a:cubicBezTo>
                  <a:lnTo>
                    <a:pt x="32" y="3693"/>
                  </a:lnTo>
                  <a:cubicBezTo>
                    <a:pt x="-216" y="1922"/>
                    <a:pt x="1013" y="283"/>
                    <a:pt x="2784" y="36"/>
                  </a:cubicBezTo>
                  <a:cubicBezTo>
                    <a:pt x="3090" y="-12"/>
                    <a:pt x="3394" y="-12"/>
                    <a:pt x="3699" y="36"/>
                  </a:cubicBezTo>
                  <a:lnTo>
                    <a:pt x="179121" y="36"/>
                  </a:lnTo>
                  <a:cubicBezTo>
                    <a:pt x="180902" y="-212"/>
                    <a:pt x="182540" y="1026"/>
                    <a:pt x="182788" y="2808"/>
                  </a:cubicBezTo>
                  <a:cubicBezTo>
                    <a:pt x="182826" y="3103"/>
                    <a:pt x="182826" y="3398"/>
                    <a:pt x="182788" y="369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3" name="Freeform 52">
              <a:extLst>
                <a:ext uri="{FF2B5EF4-FFF2-40B4-BE49-F238E27FC236}">
                  <a16:creationId xmlns:a16="http://schemas.microsoft.com/office/drawing/2014/main" id="{59A1BB51-CABE-8847-9F05-1CC478AC09A6}"/>
                </a:ext>
              </a:extLst>
            </p:cNvPr>
            <p:cNvSpPr/>
            <p:nvPr/>
          </p:nvSpPr>
          <p:spPr bwMode="gray">
            <a:xfrm>
              <a:off x="8562723" y="2005969"/>
              <a:ext cx="207185" cy="256392"/>
            </a:xfrm>
            <a:custGeom>
              <a:avLst/>
              <a:gdLst>
                <a:gd name="connsiteX0" fmla="*/ 169400 w 207185"/>
                <a:gd name="connsiteY0" fmla="*/ 253446 h 256392"/>
                <a:gd name="connsiteX1" fmla="*/ 156217 w 207185"/>
                <a:gd name="connsiteY1" fmla="*/ 210584 h 256392"/>
                <a:gd name="connsiteX2" fmla="*/ 154751 w 207185"/>
                <a:gd name="connsiteY2" fmla="*/ 209488 h 256392"/>
                <a:gd name="connsiteX3" fmla="*/ 51881 w 207185"/>
                <a:gd name="connsiteY3" fmla="*/ 209488 h 256392"/>
                <a:gd name="connsiteX4" fmla="*/ 50414 w 207185"/>
                <a:gd name="connsiteY4" fmla="*/ 210584 h 256392"/>
                <a:gd name="connsiteX5" fmla="*/ 37232 w 207185"/>
                <a:gd name="connsiteY5" fmla="*/ 253446 h 256392"/>
                <a:gd name="connsiteX6" fmla="*/ 32831 w 207185"/>
                <a:gd name="connsiteY6" fmla="*/ 256380 h 256392"/>
                <a:gd name="connsiteX7" fmla="*/ 3170 w 207185"/>
                <a:gd name="connsiteY7" fmla="*/ 256380 h 256392"/>
                <a:gd name="connsiteX8" fmla="*/ 236 w 207185"/>
                <a:gd name="connsiteY8" fmla="*/ 252351 h 256392"/>
                <a:gd name="connsiteX9" fmla="*/ 80447 w 207185"/>
                <a:gd name="connsiteY9" fmla="*/ 2939 h 256392"/>
                <a:gd name="connsiteX10" fmla="*/ 84838 w 207185"/>
                <a:gd name="connsiteY10" fmla="*/ 14 h 256392"/>
                <a:gd name="connsiteX11" fmla="*/ 121461 w 207185"/>
                <a:gd name="connsiteY11" fmla="*/ 14 h 256392"/>
                <a:gd name="connsiteX12" fmla="*/ 125852 w 207185"/>
                <a:gd name="connsiteY12" fmla="*/ 2939 h 256392"/>
                <a:gd name="connsiteX13" fmla="*/ 206814 w 207185"/>
                <a:gd name="connsiteY13" fmla="*/ 252351 h 256392"/>
                <a:gd name="connsiteX14" fmla="*/ 207186 w 207185"/>
                <a:gd name="connsiteY14" fmla="*/ 253808 h 256392"/>
                <a:gd name="connsiteX15" fmla="*/ 203881 w 207185"/>
                <a:gd name="connsiteY15" fmla="*/ 256380 h 256392"/>
                <a:gd name="connsiteX16" fmla="*/ 173801 w 207185"/>
                <a:gd name="connsiteY16" fmla="*/ 256380 h 256392"/>
                <a:gd name="connsiteX17" fmla="*/ 169400 w 207185"/>
                <a:gd name="connsiteY17" fmla="*/ 253446 h 256392"/>
                <a:gd name="connsiteX18" fmla="*/ 59711 w 207185"/>
                <a:gd name="connsiteY18" fmla="*/ 181113 h 256392"/>
                <a:gd name="connsiteX19" fmla="*/ 60997 w 207185"/>
                <a:gd name="connsiteY19" fmla="*/ 181666 h 256392"/>
                <a:gd name="connsiteX20" fmla="*/ 145236 w 207185"/>
                <a:gd name="connsiteY20" fmla="*/ 181666 h 256392"/>
                <a:gd name="connsiteX21" fmla="*/ 146512 w 207185"/>
                <a:gd name="connsiteY21" fmla="*/ 181113 h 256392"/>
                <a:gd name="connsiteX22" fmla="*/ 146692 w 207185"/>
                <a:gd name="connsiteY22" fmla="*/ 179837 h 256392"/>
                <a:gd name="connsiteX23" fmla="*/ 104211 w 207185"/>
                <a:gd name="connsiteY23" fmla="*/ 43963 h 256392"/>
                <a:gd name="connsiteX24" fmla="*/ 102659 w 207185"/>
                <a:gd name="connsiteY24" fmla="*/ 43315 h 256392"/>
                <a:gd name="connsiteX25" fmla="*/ 102011 w 207185"/>
                <a:gd name="connsiteY25" fmla="*/ 43963 h 256392"/>
                <a:gd name="connsiteX26" fmla="*/ 59530 w 207185"/>
                <a:gd name="connsiteY26" fmla="*/ 179837 h 256392"/>
                <a:gd name="connsiteX27" fmla="*/ 59711 w 207185"/>
                <a:gd name="connsiteY27" fmla="*/ 181113 h 256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07185" h="256392">
                  <a:moveTo>
                    <a:pt x="169400" y="253446"/>
                  </a:moveTo>
                  <a:lnTo>
                    <a:pt x="156217" y="210584"/>
                  </a:lnTo>
                  <a:cubicBezTo>
                    <a:pt x="156047" y="209917"/>
                    <a:pt x="155437" y="209460"/>
                    <a:pt x="154751" y="209488"/>
                  </a:cubicBezTo>
                  <a:lnTo>
                    <a:pt x="51881" y="209488"/>
                  </a:lnTo>
                  <a:cubicBezTo>
                    <a:pt x="51195" y="209450"/>
                    <a:pt x="50576" y="209917"/>
                    <a:pt x="50414" y="210584"/>
                  </a:cubicBezTo>
                  <a:lnTo>
                    <a:pt x="37232" y="253446"/>
                  </a:lnTo>
                  <a:cubicBezTo>
                    <a:pt x="36622" y="255322"/>
                    <a:pt x="34803" y="256532"/>
                    <a:pt x="32831" y="256380"/>
                  </a:cubicBezTo>
                  <a:lnTo>
                    <a:pt x="3170" y="256380"/>
                  </a:lnTo>
                  <a:cubicBezTo>
                    <a:pt x="475" y="256380"/>
                    <a:pt x="-497" y="255037"/>
                    <a:pt x="236" y="252351"/>
                  </a:cubicBezTo>
                  <a:lnTo>
                    <a:pt x="80447" y="2939"/>
                  </a:lnTo>
                  <a:cubicBezTo>
                    <a:pt x="81056" y="1062"/>
                    <a:pt x="82875" y="-147"/>
                    <a:pt x="84838" y="14"/>
                  </a:cubicBezTo>
                  <a:lnTo>
                    <a:pt x="121461" y="14"/>
                  </a:lnTo>
                  <a:cubicBezTo>
                    <a:pt x="123423" y="-147"/>
                    <a:pt x="125243" y="1062"/>
                    <a:pt x="125852" y="2939"/>
                  </a:cubicBezTo>
                  <a:lnTo>
                    <a:pt x="206814" y="252351"/>
                  </a:lnTo>
                  <a:lnTo>
                    <a:pt x="207186" y="253808"/>
                  </a:lnTo>
                  <a:cubicBezTo>
                    <a:pt x="207186" y="255523"/>
                    <a:pt x="206081" y="256380"/>
                    <a:pt x="203881" y="256380"/>
                  </a:cubicBezTo>
                  <a:lnTo>
                    <a:pt x="173801" y="256380"/>
                  </a:lnTo>
                  <a:cubicBezTo>
                    <a:pt x="171829" y="256532"/>
                    <a:pt x="170010" y="255322"/>
                    <a:pt x="169400" y="253446"/>
                  </a:cubicBezTo>
                  <a:close/>
                  <a:moveTo>
                    <a:pt x="59711" y="181113"/>
                  </a:moveTo>
                  <a:cubicBezTo>
                    <a:pt x="60044" y="181466"/>
                    <a:pt x="60511" y="181666"/>
                    <a:pt x="60997" y="181666"/>
                  </a:cubicBezTo>
                  <a:lnTo>
                    <a:pt x="145236" y="181666"/>
                  </a:lnTo>
                  <a:cubicBezTo>
                    <a:pt x="145721" y="181666"/>
                    <a:pt x="146179" y="181466"/>
                    <a:pt x="146512" y="181113"/>
                  </a:cubicBezTo>
                  <a:cubicBezTo>
                    <a:pt x="146874" y="180790"/>
                    <a:pt x="146950" y="180247"/>
                    <a:pt x="146692" y="179837"/>
                  </a:cubicBezTo>
                  <a:lnTo>
                    <a:pt x="104211" y="43963"/>
                  </a:lnTo>
                  <a:cubicBezTo>
                    <a:pt x="103964" y="43353"/>
                    <a:pt x="103268" y="43068"/>
                    <a:pt x="102659" y="43315"/>
                  </a:cubicBezTo>
                  <a:cubicBezTo>
                    <a:pt x="102363" y="43439"/>
                    <a:pt x="102135" y="43667"/>
                    <a:pt x="102011" y="43963"/>
                  </a:cubicBezTo>
                  <a:lnTo>
                    <a:pt x="59530" y="179837"/>
                  </a:lnTo>
                  <a:cubicBezTo>
                    <a:pt x="59272" y="180247"/>
                    <a:pt x="59348" y="180790"/>
                    <a:pt x="59711" y="18111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4" name="Freeform 53">
              <a:extLst>
                <a:ext uri="{FF2B5EF4-FFF2-40B4-BE49-F238E27FC236}">
                  <a16:creationId xmlns:a16="http://schemas.microsoft.com/office/drawing/2014/main" id="{D80CEE76-8DDD-C440-B248-3901EBBE9672}"/>
                </a:ext>
              </a:extLst>
            </p:cNvPr>
            <p:cNvSpPr/>
            <p:nvPr/>
          </p:nvSpPr>
          <p:spPr bwMode="gray">
            <a:xfrm>
              <a:off x="8832448" y="2003050"/>
              <a:ext cx="178525" cy="262353"/>
            </a:xfrm>
            <a:custGeom>
              <a:avLst/>
              <a:gdLst>
                <a:gd name="connsiteX0" fmla="*/ 42693 w 178525"/>
                <a:gd name="connsiteY0" fmla="*/ 251794 h 262353"/>
                <a:gd name="connsiteX1" fmla="*/ 11194 w 178525"/>
                <a:gd name="connsiteY1" fmla="*/ 222123 h 262353"/>
                <a:gd name="connsiteX2" fmla="*/ 21 w 178525"/>
                <a:gd name="connsiteY2" fmla="*/ 177994 h 262353"/>
                <a:gd name="connsiteX3" fmla="*/ 21 w 178525"/>
                <a:gd name="connsiteY3" fmla="*/ 84239 h 262353"/>
                <a:gd name="connsiteX4" fmla="*/ 11194 w 178525"/>
                <a:gd name="connsiteY4" fmla="*/ 39919 h 262353"/>
                <a:gd name="connsiteX5" fmla="*/ 42693 w 178525"/>
                <a:gd name="connsiteY5" fmla="*/ 10440 h 262353"/>
                <a:gd name="connsiteX6" fmla="*/ 135895 w 178525"/>
                <a:gd name="connsiteY6" fmla="*/ 10249 h 262353"/>
                <a:gd name="connsiteX7" fmla="*/ 178377 w 178525"/>
                <a:gd name="connsiteY7" fmla="*/ 79477 h 262353"/>
                <a:gd name="connsiteX8" fmla="*/ 178377 w 178525"/>
                <a:gd name="connsiteY8" fmla="*/ 83506 h 262353"/>
                <a:gd name="connsiteX9" fmla="*/ 175643 w 178525"/>
                <a:gd name="connsiteY9" fmla="*/ 87164 h 262353"/>
                <a:gd name="connsiteX10" fmla="*/ 174719 w 178525"/>
                <a:gd name="connsiteY10" fmla="*/ 87164 h 262353"/>
                <a:gd name="connsiteX11" fmla="*/ 146887 w 178525"/>
                <a:gd name="connsiteY11" fmla="*/ 87164 h 262353"/>
                <a:gd name="connsiteX12" fmla="*/ 143220 w 178525"/>
                <a:gd name="connsiteY12" fmla="*/ 84439 h 262353"/>
                <a:gd name="connsiteX13" fmla="*/ 143220 w 178525"/>
                <a:gd name="connsiteY13" fmla="*/ 83506 h 262353"/>
                <a:gd name="connsiteX14" fmla="*/ 143220 w 178525"/>
                <a:gd name="connsiteY14" fmla="*/ 80210 h 262353"/>
                <a:gd name="connsiteX15" fmla="*/ 128390 w 178525"/>
                <a:gd name="connsiteY15" fmla="*/ 44501 h 262353"/>
                <a:gd name="connsiteX16" fmla="*/ 89337 w 178525"/>
                <a:gd name="connsiteY16" fmla="*/ 30766 h 262353"/>
                <a:gd name="connsiteX17" fmla="*/ 49970 w 178525"/>
                <a:gd name="connsiteY17" fmla="*/ 45053 h 262353"/>
                <a:gd name="connsiteX18" fmla="*/ 35140 w 178525"/>
                <a:gd name="connsiteY18" fmla="*/ 83153 h 262353"/>
                <a:gd name="connsiteX19" fmla="*/ 35140 w 178525"/>
                <a:gd name="connsiteY19" fmla="*/ 179099 h 262353"/>
                <a:gd name="connsiteX20" fmla="*/ 50513 w 178525"/>
                <a:gd name="connsiteY20" fmla="*/ 217199 h 262353"/>
                <a:gd name="connsiteX21" fmla="*/ 90804 w 178525"/>
                <a:gd name="connsiteY21" fmla="*/ 231486 h 262353"/>
                <a:gd name="connsiteX22" fmla="*/ 129075 w 178525"/>
                <a:gd name="connsiteY22" fmla="*/ 218847 h 262353"/>
                <a:gd name="connsiteX23" fmla="*/ 143173 w 178525"/>
                <a:gd name="connsiteY23" fmla="*/ 184242 h 262353"/>
                <a:gd name="connsiteX24" fmla="*/ 143173 w 178525"/>
                <a:gd name="connsiteY24" fmla="*/ 156020 h 262353"/>
                <a:gd name="connsiteX25" fmla="*/ 142077 w 178525"/>
                <a:gd name="connsiteY25" fmla="*/ 154553 h 262353"/>
                <a:gd name="connsiteX26" fmla="*/ 141715 w 178525"/>
                <a:gd name="connsiteY26" fmla="*/ 154553 h 262353"/>
                <a:gd name="connsiteX27" fmla="*/ 92290 w 178525"/>
                <a:gd name="connsiteY27" fmla="*/ 154553 h 262353"/>
                <a:gd name="connsiteX28" fmla="*/ 88623 w 178525"/>
                <a:gd name="connsiteY28" fmla="*/ 151810 h 262353"/>
                <a:gd name="connsiteX29" fmla="*/ 88623 w 178525"/>
                <a:gd name="connsiteY29" fmla="*/ 150895 h 262353"/>
                <a:gd name="connsiteX30" fmla="*/ 88623 w 178525"/>
                <a:gd name="connsiteY30" fmla="*/ 128188 h 262353"/>
                <a:gd name="connsiteX31" fmla="*/ 91366 w 178525"/>
                <a:gd name="connsiteY31" fmla="*/ 124521 h 262353"/>
                <a:gd name="connsiteX32" fmla="*/ 92290 w 178525"/>
                <a:gd name="connsiteY32" fmla="*/ 124521 h 262353"/>
                <a:gd name="connsiteX33" fmla="*/ 174691 w 178525"/>
                <a:gd name="connsiteY33" fmla="*/ 124521 h 262353"/>
                <a:gd name="connsiteX34" fmla="*/ 178348 w 178525"/>
                <a:gd name="connsiteY34" fmla="*/ 127273 h 262353"/>
                <a:gd name="connsiteX35" fmla="*/ 178348 w 178525"/>
                <a:gd name="connsiteY35" fmla="*/ 128188 h 262353"/>
                <a:gd name="connsiteX36" fmla="*/ 178348 w 178525"/>
                <a:gd name="connsiteY36" fmla="*/ 174698 h 262353"/>
                <a:gd name="connsiteX37" fmla="*/ 154364 w 178525"/>
                <a:gd name="connsiteY37" fmla="*/ 239525 h 262353"/>
                <a:gd name="connsiteX38" fmla="*/ 89356 w 178525"/>
                <a:gd name="connsiteY38" fmla="*/ 262223 h 262353"/>
                <a:gd name="connsiteX39" fmla="*/ 42693 w 178525"/>
                <a:gd name="connsiteY39" fmla="*/ 251794 h 2623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</a:cxnLst>
              <a:rect l="l" t="t" r="r" b="b"/>
              <a:pathLst>
                <a:path w="178525" h="262353">
                  <a:moveTo>
                    <a:pt x="42693" y="251794"/>
                  </a:moveTo>
                  <a:cubicBezTo>
                    <a:pt x="29520" y="245193"/>
                    <a:pt x="18566" y="234877"/>
                    <a:pt x="11194" y="222123"/>
                  </a:cubicBezTo>
                  <a:cubicBezTo>
                    <a:pt x="3584" y="208684"/>
                    <a:pt x="-274" y="193444"/>
                    <a:pt x="21" y="177994"/>
                  </a:cubicBezTo>
                  <a:lnTo>
                    <a:pt x="21" y="84239"/>
                  </a:lnTo>
                  <a:cubicBezTo>
                    <a:pt x="-321" y="68733"/>
                    <a:pt x="3536" y="53416"/>
                    <a:pt x="11194" y="39919"/>
                  </a:cubicBezTo>
                  <a:cubicBezTo>
                    <a:pt x="18614" y="27242"/>
                    <a:pt x="29558" y="17002"/>
                    <a:pt x="42693" y="10440"/>
                  </a:cubicBezTo>
                  <a:cubicBezTo>
                    <a:pt x="72201" y="-3410"/>
                    <a:pt x="106330" y="-3486"/>
                    <a:pt x="135895" y="10249"/>
                  </a:cubicBezTo>
                  <a:cubicBezTo>
                    <a:pt x="162308" y="23108"/>
                    <a:pt x="178882" y="50102"/>
                    <a:pt x="178377" y="79477"/>
                  </a:cubicBezTo>
                  <a:lnTo>
                    <a:pt x="178377" y="83506"/>
                  </a:lnTo>
                  <a:cubicBezTo>
                    <a:pt x="178634" y="85268"/>
                    <a:pt x="177405" y="86906"/>
                    <a:pt x="175643" y="87164"/>
                  </a:cubicBezTo>
                  <a:cubicBezTo>
                    <a:pt x="175338" y="87211"/>
                    <a:pt x="175024" y="87211"/>
                    <a:pt x="174719" y="87164"/>
                  </a:cubicBezTo>
                  <a:lnTo>
                    <a:pt x="146887" y="87164"/>
                  </a:lnTo>
                  <a:cubicBezTo>
                    <a:pt x="145125" y="87421"/>
                    <a:pt x="143477" y="86202"/>
                    <a:pt x="143220" y="84439"/>
                  </a:cubicBezTo>
                  <a:cubicBezTo>
                    <a:pt x="143173" y="84134"/>
                    <a:pt x="143173" y="83820"/>
                    <a:pt x="143220" y="83506"/>
                  </a:cubicBezTo>
                  <a:lnTo>
                    <a:pt x="143220" y="80210"/>
                  </a:lnTo>
                  <a:cubicBezTo>
                    <a:pt x="143706" y="66713"/>
                    <a:pt x="138286" y="53683"/>
                    <a:pt x="128390" y="44501"/>
                  </a:cubicBezTo>
                  <a:cubicBezTo>
                    <a:pt x="117655" y="35024"/>
                    <a:pt x="103644" y="30099"/>
                    <a:pt x="89337" y="30766"/>
                  </a:cubicBezTo>
                  <a:cubicBezTo>
                    <a:pt x="74830" y="30071"/>
                    <a:pt x="60657" y="35214"/>
                    <a:pt x="49970" y="45053"/>
                  </a:cubicBezTo>
                  <a:cubicBezTo>
                    <a:pt x="39874" y="55093"/>
                    <a:pt x="34492" y="68933"/>
                    <a:pt x="35140" y="83153"/>
                  </a:cubicBezTo>
                  <a:lnTo>
                    <a:pt x="35140" y="179099"/>
                  </a:lnTo>
                  <a:cubicBezTo>
                    <a:pt x="34511" y="193424"/>
                    <a:pt x="40112" y="207321"/>
                    <a:pt x="50513" y="217199"/>
                  </a:cubicBezTo>
                  <a:cubicBezTo>
                    <a:pt x="61572" y="227019"/>
                    <a:pt x="76031" y="232153"/>
                    <a:pt x="90804" y="231486"/>
                  </a:cubicBezTo>
                  <a:cubicBezTo>
                    <a:pt x="104701" y="232239"/>
                    <a:pt x="118370" y="227734"/>
                    <a:pt x="129075" y="218847"/>
                  </a:cubicBezTo>
                  <a:cubicBezTo>
                    <a:pt x="138667" y="209969"/>
                    <a:pt x="143830" y="197292"/>
                    <a:pt x="143173" y="184242"/>
                  </a:cubicBezTo>
                  <a:lnTo>
                    <a:pt x="143173" y="156020"/>
                  </a:lnTo>
                  <a:cubicBezTo>
                    <a:pt x="143277" y="155315"/>
                    <a:pt x="142782" y="154658"/>
                    <a:pt x="142077" y="154553"/>
                  </a:cubicBezTo>
                  <a:cubicBezTo>
                    <a:pt x="141953" y="154534"/>
                    <a:pt x="141839" y="154534"/>
                    <a:pt x="141715" y="154553"/>
                  </a:cubicBezTo>
                  <a:lnTo>
                    <a:pt x="92290" y="154553"/>
                  </a:lnTo>
                  <a:cubicBezTo>
                    <a:pt x="90518" y="154810"/>
                    <a:pt x="88880" y="153581"/>
                    <a:pt x="88623" y="151810"/>
                  </a:cubicBezTo>
                  <a:cubicBezTo>
                    <a:pt x="88585" y="151505"/>
                    <a:pt x="88585" y="151200"/>
                    <a:pt x="88623" y="150895"/>
                  </a:cubicBezTo>
                  <a:lnTo>
                    <a:pt x="88623" y="128188"/>
                  </a:lnTo>
                  <a:cubicBezTo>
                    <a:pt x="88366" y="126416"/>
                    <a:pt x="89595" y="124778"/>
                    <a:pt x="91366" y="124521"/>
                  </a:cubicBezTo>
                  <a:cubicBezTo>
                    <a:pt x="91671" y="124473"/>
                    <a:pt x="91985" y="124473"/>
                    <a:pt x="92290" y="124521"/>
                  </a:cubicBezTo>
                  <a:lnTo>
                    <a:pt x="174691" y="124521"/>
                  </a:lnTo>
                  <a:cubicBezTo>
                    <a:pt x="176463" y="124273"/>
                    <a:pt x="178101" y="125502"/>
                    <a:pt x="178348" y="127273"/>
                  </a:cubicBezTo>
                  <a:cubicBezTo>
                    <a:pt x="178396" y="127578"/>
                    <a:pt x="178396" y="127883"/>
                    <a:pt x="178348" y="128188"/>
                  </a:cubicBezTo>
                  <a:lnTo>
                    <a:pt x="178348" y="174698"/>
                  </a:lnTo>
                  <a:cubicBezTo>
                    <a:pt x="179901" y="198730"/>
                    <a:pt x="171186" y="222295"/>
                    <a:pt x="154364" y="239525"/>
                  </a:cubicBezTo>
                  <a:cubicBezTo>
                    <a:pt x="136524" y="255346"/>
                    <a:pt x="113169" y="263500"/>
                    <a:pt x="89356" y="262223"/>
                  </a:cubicBezTo>
                  <a:cubicBezTo>
                    <a:pt x="73192" y="262538"/>
                    <a:pt x="57190" y="258966"/>
                    <a:pt x="42693" y="251794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5" name="Freeform 54">
              <a:extLst>
                <a:ext uri="{FF2B5EF4-FFF2-40B4-BE49-F238E27FC236}">
                  <a16:creationId xmlns:a16="http://schemas.microsoft.com/office/drawing/2014/main" id="{AD7DAD15-B3B0-C54E-81F2-6875AFB40328}"/>
                </a:ext>
              </a:extLst>
            </p:cNvPr>
            <p:cNvSpPr/>
            <p:nvPr/>
          </p:nvSpPr>
          <p:spPr bwMode="gray">
            <a:xfrm>
              <a:off x="9097247" y="2005948"/>
              <a:ext cx="170376" cy="256436"/>
            </a:xfrm>
            <a:custGeom>
              <a:avLst/>
              <a:gdLst>
                <a:gd name="connsiteX0" fmla="*/ 166647 w 170376"/>
                <a:gd name="connsiteY0" fmla="*/ 30430 h 256436"/>
                <a:gd name="connsiteX1" fmla="*/ 36631 w 170376"/>
                <a:gd name="connsiteY1" fmla="*/ 30430 h 256436"/>
                <a:gd name="connsiteX2" fmla="*/ 35174 w 170376"/>
                <a:gd name="connsiteY2" fmla="*/ 31516 h 256436"/>
                <a:gd name="connsiteX3" fmla="*/ 35174 w 170376"/>
                <a:gd name="connsiteY3" fmla="*/ 31887 h 256436"/>
                <a:gd name="connsiteX4" fmla="*/ 35174 w 170376"/>
                <a:gd name="connsiteY4" fmla="*/ 110640 h 256436"/>
                <a:gd name="connsiteX5" fmla="*/ 36241 w 170376"/>
                <a:gd name="connsiteY5" fmla="*/ 112097 h 256436"/>
                <a:gd name="connsiteX6" fmla="*/ 36631 w 170376"/>
                <a:gd name="connsiteY6" fmla="*/ 112097 h 256436"/>
                <a:gd name="connsiteX7" fmla="*/ 125994 w 170376"/>
                <a:gd name="connsiteY7" fmla="*/ 112097 h 256436"/>
                <a:gd name="connsiteX8" fmla="*/ 129652 w 170376"/>
                <a:gd name="connsiteY8" fmla="*/ 114850 h 256436"/>
                <a:gd name="connsiteX9" fmla="*/ 129652 w 170376"/>
                <a:gd name="connsiteY9" fmla="*/ 115764 h 256436"/>
                <a:gd name="connsiteX10" fmla="*/ 129652 w 170376"/>
                <a:gd name="connsiteY10" fmla="*/ 138834 h 256436"/>
                <a:gd name="connsiteX11" fmla="*/ 126909 w 170376"/>
                <a:gd name="connsiteY11" fmla="*/ 142501 h 256436"/>
                <a:gd name="connsiteX12" fmla="*/ 125994 w 170376"/>
                <a:gd name="connsiteY12" fmla="*/ 142501 h 256436"/>
                <a:gd name="connsiteX13" fmla="*/ 36631 w 170376"/>
                <a:gd name="connsiteY13" fmla="*/ 142501 h 256436"/>
                <a:gd name="connsiteX14" fmla="*/ 35174 w 170376"/>
                <a:gd name="connsiteY14" fmla="*/ 143587 h 256436"/>
                <a:gd name="connsiteX15" fmla="*/ 35174 w 170376"/>
                <a:gd name="connsiteY15" fmla="*/ 143968 h 256436"/>
                <a:gd name="connsiteX16" fmla="*/ 35174 w 170376"/>
                <a:gd name="connsiteY16" fmla="*/ 224540 h 256436"/>
                <a:gd name="connsiteX17" fmla="*/ 36241 w 170376"/>
                <a:gd name="connsiteY17" fmla="*/ 225997 h 256436"/>
                <a:gd name="connsiteX18" fmla="*/ 36631 w 170376"/>
                <a:gd name="connsiteY18" fmla="*/ 225997 h 256436"/>
                <a:gd name="connsiteX19" fmla="*/ 166647 w 170376"/>
                <a:gd name="connsiteY19" fmla="*/ 225997 h 256436"/>
                <a:gd name="connsiteX20" fmla="*/ 170314 w 170376"/>
                <a:gd name="connsiteY20" fmla="*/ 228760 h 256436"/>
                <a:gd name="connsiteX21" fmla="*/ 170314 w 170376"/>
                <a:gd name="connsiteY21" fmla="*/ 229664 h 256436"/>
                <a:gd name="connsiteX22" fmla="*/ 170314 w 170376"/>
                <a:gd name="connsiteY22" fmla="*/ 252734 h 256436"/>
                <a:gd name="connsiteX23" fmla="*/ 167571 w 170376"/>
                <a:gd name="connsiteY23" fmla="*/ 256401 h 256436"/>
                <a:gd name="connsiteX24" fmla="*/ 166647 w 170376"/>
                <a:gd name="connsiteY24" fmla="*/ 256401 h 256436"/>
                <a:gd name="connsiteX25" fmla="*/ 3703 w 170376"/>
                <a:gd name="connsiteY25" fmla="*/ 256401 h 256436"/>
                <a:gd name="connsiteX26" fmla="*/ 36 w 170376"/>
                <a:gd name="connsiteY26" fmla="*/ 253658 h 256436"/>
                <a:gd name="connsiteX27" fmla="*/ 36 w 170376"/>
                <a:gd name="connsiteY27" fmla="*/ 252734 h 256436"/>
                <a:gd name="connsiteX28" fmla="*/ 36 w 170376"/>
                <a:gd name="connsiteY28" fmla="*/ 3693 h 256436"/>
                <a:gd name="connsiteX29" fmla="*/ 2788 w 170376"/>
                <a:gd name="connsiteY29" fmla="*/ 36 h 256436"/>
                <a:gd name="connsiteX30" fmla="*/ 3703 w 170376"/>
                <a:gd name="connsiteY30" fmla="*/ 36 h 256436"/>
                <a:gd name="connsiteX31" fmla="*/ 166676 w 170376"/>
                <a:gd name="connsiteY31" fmla="*/ 36 h 256436"/>
                <a:gd name="connsiteX32" fmla="*/ 170343 w 170376"/>
                <a:gd name="connsiteY32" fmla="*/ 2808 h 256436"/>
                <a:gd name="connsiteX33" fmla="*/ 170343 w 170376"/>
                <a:gd name="connsiteY33" fmla="*/ 3693 h 256436"/>
                <a:gd name="connsiteX34" fmla="*/ 170343 w 170376"/>
                <a:gd name="connsiteY34" fmla="*/ 26763 h 256436"/>
                <a:gd name="connsiteX35" fmla="*/ 167600 w 170376"/>
                <a:gd name="connsiteY35" fmla="*/ 30430 h 256436"/>
                <a:gd name="connsiteX36" fmla="*/ 166647 w 170376"/>
                <a:gd name="connsiteY36" fmla="*/ 30430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0376" h="256436">
                  <a:moveTo>
                    <a:pt x="166647" y="30430"/>
                  </a:moveTo>
                  <a:lnTo>
                    <a:pt x="36631" y="30430"/>
                  </a:lnTo>
                  <a:cubicBezTo>
                    <a:pt x="35926" y="30325"/>
                    <a:pt x="35278" y="30811"/>
                    <a:pt x="35174" y="31516"/>
                  </a:cubicBezTo>
                  <a:cubicBezTo>
                    <a:pt x="35155" y="31640"/>
                    <a:pt x="35155" y="31763"/>
                    <a:pt x="35174" y="31887"/>
                  </a:cubicBezTo>
                  <a:lnTo>
                    <a:pt x="35174" y="110640"/>
                  </a:lnTo>
                  <a:cubicBezTo>
                    <a:pt x="35069" y="111335"/>
                    <a:pt x="35545" y="111993"/>
                    <a:pt x="36241" y="112097"/>
                  </a:cubicBezTo>
                  <a:cubicBezTo>
                    <a:pt x="36364" y="112116"/>
                    <a:pt x="36497" y="112116"/>
                    <a:pt x="36631" y="112097"/>
                  </a:cubicBezTo>
                  <a:lnTo>
                    <a:pt x="125994" y="112097"/>
                  </a:lnTo>
                  <a:cubicBezTo>
                    <a:pt x="127766" y="111850"/>
                    <a:pt x="129405" y="113078"/>
                    <a:pt x="129652" y="114850"/>
                  </a:cubicBezTo>
                  <a:cubicBezTo>
                    <a:pt x="129700" y="115155"/>
                    <a:pt x="129700" y="115460"/>
                    <a:pt x="129652" y="115764"/>
                  </a:cubicBezTo>
                  <a:lnTo>
                    <a:pt x="129652" y="138834"/>
                  </a:lnTo>
                  <a:cubicBezTo>
                    <a:pt x="129909" y="140606"/>
                    <a:pt x="128681" y="142244"/>
                    <a:pt x="126909" y="142501"/>
                  </a:cubicBezTo>
                  <a:cubicBezTo>
                    <a:pt x="126604" y="142539"/>
                    <a:pt x="126300" y="142539"/>
                    <a:pt x="125994" y="142501"/>
                  </a:cubicBezTo>
                  <a:lnTo>
                    <a:pt x="36631" y="142501"/>
                  </a:lnTo>
                  <a:cubicBezTo>
                    <a:pt x="35926" y="142396"/>
                    <a:pt x="35278" y="142882"/>
                    <a:pt x="35174" y="143587"/>
                  </a:cubicBezTo>
                  <a:cubicBezTo>
                    <a:pt x="35155" y="143711"/>
                    <a:pt x="35155" y="143844"/>
                    <a:pt x="35174" y="143968"/>
                  </a:cubicBezTo>
                  <a:lnTo>
                    <a:pt x="35174" y="224540"/>
                  </a:lnTo>
                  <a:cubicBezTo>
                    <a:pt x="35069" y="225235"/>
                    <a:pt x="35545" y="225893"/>
                    <a:pt x="36241" y="225997"/>
                  </a:cubicBezTo>
                  <a:cubicBezTo>
                    <a:pt x="36364" y="226016"/>
                    <a:pt x="36497" y="226016"/>
                    <a:pt x="36631" y="225997"/>
                  </a:cubicBezTo>
                  <a:lnTo>
                    <a:pt x="166647" y="225997"/>
                  </a:lnTo>
                  <a:cubicBezTo>
                    <a:pt x="168428" y="225750"/>
                    <a:pt x="170067" y="226988"/>
                    <a:pt x="170314" y="228760"/>
                  </a:cubicBezTo>
                  <a:cubicBezTo>
                    <a:pt x="170353" y="229065"/>
                    <a:pt x="170353" y="229369"/>
                    <a:pt x="170314" y="229664"/>
                  </a:cubicBezTo>
                  <a:lnTo>
                    <a:pt x="170314" y="252734"/>
                  </a:lnTo>
                  <a:cubicBezTo>
                    <a:pt x="170571" y="254506"/>
                    <a:pt x="169343" y="256144"/>
                    <a:pt x="167571" y="256401"/>
                  </a:cubicBezTo>
                  <a:cubicBezTo>
                    <a:pt x="167266" y="256449"/>
                    <a:pt x="166952" y="256449"/>
                    <a:pt x="166647" y="256401"/>
                  </a:cubicBezTo>
                  <a:lnTo>
                    <a:pt x="3703" y="256401"/>
                  </a:lnTo>
                  <a:cubicBezTo>
                    <a:pt x="1932" y="256658"/>
                    <a:pt x="293" y="255429"/>
                    <a:pt x="36" y="253658"/>
                  </a:cubicBezTo>
                  <a:cubicBezTo>
                    <a:pt x="-12" y="253353"/>
                    <a:pt x="-12" y="253039"/>
                    <a:pt x="36" y="252734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4" y="-12"/>
                    <a:pt x="3398" y="-12"/>
                    <a:pt x="3703" y="36"/>
                  </a:cubicBezTo>
                  <a:lnTo>
                    <a:pt x="166676" y="36"/>
                  </a:lnTo>
                  <a:cubicBezTo>
                    <a:pt x="168448" y="-212"/>
                    <a:pt x="170095" y="1026"/>
                    <a:pt x="170343" y="2808"/>
                  </a:cubicBezTo>
                  <a:cubicBezTo>
                    <a:pt x="170381" y="3103"/>
                    <a:pt x="170381" y="3398"/>
                    <a:pt x="170343" y="3693"/>
                  </a:cubicBezTo>
                  <a:lnTo>
                    <a:pt x="170343" y="26763"/>
                  </a:lnTo>
                  <a:cubicBezTo>
                    <a:pt x="170600" y="28535"/>
                    <a:pt x="169371" y="30173"/>
                    <a:pt x="167600" y="30430"/>
                  </a:cubicBezTo>
                  <a:cubicBezTo>
                    <a:pt x="167285" y="30478"/>
                    <a:pt x="166962" y="30478"/>
                    <a:pt x="166647" y="30430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8944996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-Intr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Round Diagonal Corner Rectangle 39">
            <a:extLst>
              <a:ext uri="{FF2B5EF4-FFF2-40B4-BE49-F238E27FC236}">
                <a16:creationId xmlns:a16="http://schemas.microsoft.com/office/drawing/2014/main" id="{65D005E7-3EB4-5F46-BB0E-09BF9A04BA50}"/>
              </a:ext>
            </a:extLst>
          </p:cNvPr>
          <p:cNvSpPr/>
          <p:nvPr userDrawn="1"/>
        </p:nvSpPr>
        <p:spPr bwMode="gray">
          <a:xfrm>
            <a:off x="511277" y="1297869"/>
            <a:ext cx="4994788" cy="4464774"/>
          </a:xfrm>
          <a:prstGeom prst="round2DiagRect">
            <a:avLst>
              <a:gd name="adj1" fmla="val 2732"/>
              <a:gd name="adj2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 Placeholder 14">
            <a:extLst>
              <a:ext uri="{FF2B5EF4-FFF2-40B4-BE49-F238E27FC236}">
                <a16:creationId xmlns:a16="http://schemas.microsoft.com/office/drawing/2014/main" id="{0E4BADFF-983B-6C4B-B706-905FF155335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98666" y="2324181"/>
            <a:ext cx="2841625" cy="279347"/>
          </a:xfrm>
        </p:spPr>
        <p:txBody>
          <a:bodyPr lIns="0" rIns="0">
            <a:noAutofit/>
          </a:bodyPr>
          <a:lstStyle>
            <a:lvl1pPr>
              <a:buFontTx/>
              <a:buNone/>
              <a:defRPr lang="en-US" sz="1050" b="1" i="0" kern="1000" cap="all" spc="150" baseline="0" dirty="0">
                <a:solidFill>
                  <a:srgbClr val="121117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Optional label</a:t>
            </a:r>
          </a:p>
        </p:txBody>
      </p:sp>
      <p:sp>
        <p:nvSpPr>
          <p:cNvPr id="39" name="Picture Placeholder 38">
            <a:extLst>
              <a:ext uri="{FF2B5EF4-FFF2-40B4-BE49-F238E27FC236}">
                <a16:creationId xmlns:a16="http://schemas.microsoft.com/office/drawing/2014/main" id="{949203E0-8555-844A-AC1F-AC670251F105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8039"/>
            <a:ext cx="12192000" cy="6858000"/>
          </a:xfrm>
          <a:custGeom>
            <a:avLst/>
            <a:gdLst>
              <a:gd name="connsiteX0" fmla="*/ 633255 w 12192000"/>
              <a:gd name="connsiteY0" fmla="*/ 1297869 h 6858000"/>
              <a:gd name="connsiteX1" fmla="*/ 511277 w 12192000"/>
              <a:gd name="connsiteY1" fmla="*/ 1419847 h 6858000"/>
              <a:gd name="connsiteX2" fmla="*/ 511277 w 12192000"/>
              <a:gd name="connsiteY2" fmla="*/ 5762643 h 6858000"/>
              <a:gd name="connsiteX3" fmla="*/ 5384087 w 12192000"/>
              <a:gd name="connsiteY3" fmla="*/ 5762643 h 6858000"/>
              <a:gd name="connsiteX4" fmla="*/ 5506065 w 12192000"/>
              <a:gd name="connsiteY4" fmla="*/ 5640665 h 6858000"/>
              <a:gd name="connsiteX5" fmla="*/ 5506065 w 12192000"/>
              <a:gd name="connsiteY5" fmla="*/ 1297869 h 6858000"/>
              <a:gd name="connsiteX6" fmla="*/ 0 w 12192000"/>
              <a:gd name="connsiteY6" fmla="*/ 0 h 6858000"/>
              <a:gd name="connsiteX7" fmla="*/ 12192000 w 12192000"/>
              <a:gd name="connsiteY7" fmla="*/ 0 h 6858000"/>
              <a:gd name="connsiteX8" fmla="*/ 12192000 w 12192000"/>
              <a:gd name="connsiteY8" fmla="*/ 6858000 h 6858000"/>
              <a:gd name="connsiteX9" fmla="*/ 12191999 w 12192000"/>
              <a:gd name="connsiteY9" fmla="*/ 6858000 h 6858000"/>
              <a:gd name="connsiteX10" fmla="*/ 12191999 w 12192000"/>
              <a:gd name="connsiteY10" fmla="*/ 6206441 h 6858000"/>
              <a:gd name="connsiteX11" fmla="*/ 0 w 12192000"/>
              <a:gd name="connsiteY11" fmla="*/ 6206441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0">
                <a:moveTo>
                  <a:pt x="633255" y="1297869"/>
                </a:moveTo>
                <a:cubicBezTo>
                  <a:pt x="565888" y="1297869"/>
                  <a:pt x="511277" y="1352480"/>
                  <a:pt x="511277" y="1419847"/>
                </a:cubicBezTo>
                <a:lnTo>
                  <a:pt x="511277" y="5762643"/>
                </a:lnTo>
                <a:lnTo>
                  <a:pt x="5384087" y="5762643"/>
                </a:lnTo>
                <a:cubicBezTo>
                  <a:pt x="5451454" y="5762643"/>
                  <a:pt x="5506065" y="5708032"/>
                  <a:pt x="5506065" y="5640665"/>
                </a:cubicBezTo>
                <a:lnTo>
                  <a:pt x="5506065" y="1297869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6858000"/>
                </a:lnTo>
                <a:lnTo>
                  <a:pt x="12191999" y="6858000"/>
                </a:lnTo>
                <a:lnTo>
                  <a:pt x="12191999" y="6206441"/>
                </a:lnTo>
                <a:lnTo>
                  <a:pt x="0" y="6206441"/>
                </a:lnTo>
                <a:close/>
              </a:path>
            </a:pathLst>
          </a:custGeom>
        </p:spPr>
        <p:txBody>
          <a:bodyPr wrap="square" rIns="1828800" anchor="ctr">
            <a:noAutofit/>
          </a:bodyPr>
          <a:lstStyle>
            <a:lvl1pPr marL="0" indent="0" algn="r">
              <a:buFontTx/>
              <a:buNone/>
              <a:defRPr sz="1200"/>
            </a:lvl1pPr>
          </a:lstStyle>
          <a:p>
            <a:r>
              <a:rPr lang="en-US"/>
              <a:t>Insert Image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504F1A6-80B9-E54C-AFC6-9E48E41F3390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44" name="Graphic 43">
            <a:extLst>
              <a:ext uri="{FF2B5EF4-FFF2-40B4-BE49-F238E27FC236}">
                <a16:creationId xmlns:a16="http://schemas.microsoft.com/office/drawing/2014/main" id="{5302FA32-C33A-9245-9389-F6871C51CB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45" name="Slide Number Placeholder 6">
            <a:extLst>
              <a:ext uri="{FF2B5EF4-FFF2-40B4-BE49-F238E27FC236}">
                <a16:creationId xmlns:a16="http://schemas.microsoft.com/office/drawing/2014/main" id="{B5168A60-DCE2-7042-B2B3-A98F2B6FC86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FFFFFF">
                  <a:alpha val="6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Text Placeholder 16">
            <a:extLst>
              <a:ext uri="{FF2B5EF4-FFF2-40B4-BE49-F238E27FC236}">
                <a16:creationId xmlns:a16="http://schemas.microsoft.com/office/drawing/2014/main" id="{11CDB372-135F-0D45-B360-709C8A6011E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8666" y="3059714"/>
            <a:ext cx="4068650" cy="377325"/>
          </a:xfrm>
        </p:spPr>
        <p:txBody>
          <a:bodyPr lIns="0" rIns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5" name="Text Placeholder 16">
            <a:extLst>
              <a:ext uri="{FF2B5EF4-FFF2-40B4-BE49-F238E27FC236}">
                <a16:creationId xmlns:a16="http://schemas.microsoft.com/office/drawing/2014/main" id="{36BB01A8-85C4-FA46-B3BA-AFDF846D4BD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98666" y="3751866"/>
            <a:ext cx="4068650" cy="377325"/>
          </a:xfrm>
        </p:spPr>
        <p:txBody>
          <a:bodyPr lIns="0" rIns="0">
            <a:noAutofit/>
          </a:bodyPr>
          <a:lstStyle>
            <a:lvl1pPr marL="0" indent="0">
              <a:buFontTx/>
              <a:buNone/>
              <a:defRPr lang="en-US" sz="2300" b="0" i="0" u="none" kern="1200" spc="30" baseline="0" dirty="0">
                <a:solidFill>
                  <a:srgbClr val="231F20">
                    <a:alpha val="65000"/>
                  </a:srgbClr>
                </a:solidFill>
                <a:latin typeface="+mn-lt"/>
                <a:ea typeface="Calibri" panose="020F0502020204030204" pitchFamily="34" charset="0"/>
                <a:cs typeface="Roboto"/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4443C28C-7366-BA46-9362-8D70295116AC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3E4FBA53-E18F-AB4E-ABE4-A2D75E1ABD6D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B21C944B-8032-944D-9E7A-A8615EA1154F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2173679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3" pos="624" userDrawn="1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-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C6F100C9-AEC2-2148-A514-64B51FAB8B3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 bwMode="ltGray"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6BF8B4F-0E62-6A4C-8785-BEF21FB8876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609600" y="2933700"/>
            <a:ext cx="5970676" cy="690880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4400" b="1" i="0" kern="1200" spc="100" baseline="0" dirty="0" smtClean="0">
                <a:solidFill>
                  <a:schemeClr val="bg1"/>
                </a:solidFill>
                <a:latin typeface="+mn-lt"/>
                <a:ea typeface="+mj-ea"/>
                <a:cs typeface="+mj-cs"/>
              </a:defRPr>
            </a:lvl1pPr>
            <a:lvl2pPr>
              <a:defRPr lang="en-US" sz="4000" b="1" i="0" kern="1200" spc="100" baseline="0" dirty="0" smtClean="0">
                <a:solidFill>
                  <a:schemeClr val="bg1"/>
                </a:solidFill>
                <a:latin typeface="Helvetica" pitchFamily="2" charset="0"/>
                <a:ea typeface="+mj-ea"/>
                <a:cs typeface="+mj-cs"/>
              </a:defRPr>
            </a:lvl2pPr>
            <a:lvl3pPr>
              <a:defRPr lang="en-US" sz="4000" b="1" i="0" kern="1200" spc="100" baseline="0" dirty="0" smtClean="0">
                <a:solidFill>
                  <a:schemeClr val="bg1"/>
                </a:solidFill>
                <a:latin typeface="Helvetica" pitchFamily="2" charset="0"/>
                <a:ea typeface="+mj-ea"/>
                <a:cs typeface="+mj-cs"/>
              </a:defRPr>
            </a:lvl3pPr>
            <a:lvl4pPr>
              <a:defRPr lang="en-US" sz="4000" b="1" i="0" kern="1200" spc="100" baseline="0" dirty="0" smtClean="0">
                <a:solidFill>
                  <a:schemeClr val="bg1"/>
                </a:solidFill>
                <a:latin typeface="Helvetica" pitchFamily="2" charset="0"/>
                <a:ea typeface="+mj-ea"/>
                <a:cs typeface="+mj-cs"/>
              </a:defRPr>
            </a:lvl4pPr>
            <a:lvl5pPr>
              <a:defRPr lang="en-US" sz="4000" b="1" i="0" kern="1200" spc="100" baseline="0" dirty="0">
                <a:solidFill>
                  <a:schemeClr val="bg1"/>
                </a:solidFill>
                <a:latin typeface="Helvetica" pitchFamily="2" charset="0"/>
                <a:ea typeface="+mj-ea"/>
                <a:cs typeface="+mj-cs"/>
              </a:defRPr>
            </a:lvl5pPr>
          </a:lstStyle>
          <a:p>
            <a:pPr lvl="0"/>
            <a:r>
              <a:rPr lang="en-US"/>
              <a:t>Thank You.</a:t>
            </a:r>
          </a:p>
        </p:txBody>
      </p:sp>
      <p:grpSp>
        <p:nvGrpSpPr>
          <p:cNvPr id="45" name="Group 44">
            <a:extLst>
              <a:ext uri="{FF2B5EF4-FFF2-40B4-BE49-F238E27FC236}">
                <a16:creationId xmlns:a16="http://schemas.microsoft.com/office/drawing/2014/main" id="{A35E2A60-FFF0-B448-851A-6CF58069875C}"/>
              </a:ext>
            </a:extLst>
          </p:cNvPr>
          <p:cNvGrpSpPr/>
          <p:nvPr userDrawn="1"/>
        </p:nvGrpSpPr>
        <p:grpSpPr bwMode="gray">
          <a:xfrm>
            <a:off x="615421" y="650863"/>
            <a:ext cx="3298686" cy="576982"/>
            <a:chOff x="1318196" y="668674"/>
            <a:chExt cx="9130255" cy="1596997"/>
          </a:xfrm>
        </p:grpSpPr>
        <p:sp>
          <p:nvSpPr>
            <p:cNvPr id="46" name="Freeform 45">
              <a:extLst>
                <a:ext uri="{FF2B5EF4-FFF2-40B4-BE49-F238E27FC236}">
                  <a16:creationId xmlns:a16="http://schemas.microsoft.com/office/drawing/2014/main" id="{FC86CA49-4B79-AA4F-93F5-9CA20F3B17D2}"/>
                </a:ext>
              </a:extLst>
            </p:cNvPr>
            <p:cNvSpPr/>
            <p:nvPr/>
          </p:nvSpPr>
          <p:spPr bwMode="gray">
            <a:xfrm>
              <a:off x="2734726" y="668674"/>
              <a:ext cx="993476" cy="953909"/>
            </a:xfrm>
            <a:custGeom>
              <a:avLst/>
              <a:gdLst>
                <a:gd name="connsiteX0" fmla="*/ 993477 w 993476"/>
                <a:gd name="connsiteY0" fmla="*/ 953910 h 953909"/>
                <a:gd name="connsiteX1" fmla="*/ 816073 w 993476"/>
                <a:gd name="connsiteY1" fmla="*/ 953910 h 953909"/>
                <a:gd name="connsiteX2" fmla="*/ 730101 w 993476"/>
                <a:gd name="connsiteY2" fmla="*/ 739654 h 953909"/>
                <a:gd name="connsiteX3" fmla="*/ 264738 w 993476"/>
                <a:gd name="connsiteY3" fmla="*/ 739654 h 953909"/>
                <a:gd name="connsiteX4" fmla="*/ 178784 w 993476"/>
                <a:gd name="connsiteY4" fmla="*/ 953910 h 953909"/>
                <a:gd name="connsiteX5" fmla="*/ 0 w 993476"/>
                <a:gd name="connsiteY5" fmla="*/ 953910 h 953909"/>
                <a:gd name="connsiteX6" fmla="*/ 382105 w 993476"/>
                <a:gd name="connsiteY6" fmla="*/ 0 h 953909"/>
                <a:gd name="connsiteX7" fmla="*/ 612734 w 993476"/>
                <a:gd name="connsiteY7" fmla="*/ 0 h 953909"/>
                <a:gd name="connsiteX8" fmla="*/ 665959 w 993476"/>
                <a:gd name="connsiteY8" fmla="*/ 579977 h 953909"/>
                <a:gd name="connsiteX9" fmla="*/ 496738 w 993476"/>
                <a:gd name="connsiteY9" fmla="*/ 158296 h 953909"/>
                <a:gd name="connsiteX10" fmla="*/ 328889 w 993476"/>
                <a:gd name="connsiteY10" fmla="*/ 579977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93476" h="953909">
                  <a:moveTo>
                    <a:pt x="993477" y="953910"/>
                  </a:moveTo>
                  <a:lnTo>
                    <a:pt x="816073" y="953910"/>
                  </a:lnTo>
                  <a:lnTo>
                    <a:pt x="730101" y="739654"/>
                  </a:lnTo>
                  <a:lnTo>
                    <a:pt x="264738" y="739654"/>
                  </a:lnTo>
                  <a:lnTo>
                    <a:pt x="178784" y="953910"/>
                  </a:lnTo>
                  <a:lnTo>
                    <a:pt x="0" y="953910"/>
                  </a:lnTo>
                  <a:lnTo>
                    <a:pt x="382105" y="0"/>
                  </a:lnTo>
                  <a:lnTo>
                    <a:pt x="612734" y="0"/>
                  </a:lnTo>
                  <a:close/>
                  <a:moveTo>
                    <a:pt x="665959" y="579977"/>
                  </a:moveTo>
                  <a:lnTo>
                    <a:pt x="496738" y="158296"/>
                  </a:lnTo>
                  <a:lnTo>
                    <a:pt x="328889" y="579977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7" name="Freeform 46">
              <a:extLst>
                <a:ext uri="{FF2B5EF4-FFF2-40B4-BE49-F238E27FC236}">
                  <a16:creationId xmlns:a16="http://schemas.microsoft.com/office/drawing/2014/main" id="{408E624B-5058-FC40-80D9-2C02716ADB00}"/>
                </a:ext>
              </a:extLst>
            </p:cNvPr>
            <p:cNvSpPr/>
            <p:nvPr/>
          </p:nvSpPr>
          <p:spPr bwMode="gray">
            <a:xfrm>
              <a:off x="4047452" y="668674"/>
              <a:ext cx="867937" cy="953909"/>
            </a:xfrm>
            <a:custGeom>
              <a:avLst/>
              <a:gdLst>
                <a:gd name="connsiteX0" fmla="*/ 867937 w 867937"/>
                <a:gd name="connsiteY0" fmla="*/ 953910 h 953909"/>
                <a:gd name="connsiteX1" fmla="*/ 739626 w 867937"/>
                <a:gd name="connsiteY1" fmla="*/ 953910 h 953909"/>
                <a:gd name="connsiteX2" fmla="*/ 176013 w 867937"/>
                <a:gd name="connsiteY2" fmla="*/ 298856 h 953909"/>
                <a:gd name="connsiteX3" fmla="*/ 176013 w 867937"/>
                <a:gd name="connsiteY3" fmla="*/ 953910 h 953909"/>
                <a:gd name="connsiteX4" fmla="*/ 0 w 867937"/>
                <a:gd name="connsiteY4" fmla="*/ 953910 h 953909"/>
                <a:gd name="connsiteX5" fmla="*/ 0 w 867937"/>
                <a:gd name="connsiteY5" fmla="*/ 0 h 953909"/>
                <a:gd name="connsiteX6" fmla="*/ 128283 w 867937"/>
                <a:gd name="connsiteY6" fmla="*/ 0 h 953909"/>
                <a:gd name="connsiteX7" fmla="*/ 691896 w 867937"/>
                <a:gd name="connsiteY7" fmla="*/ 653672 h 953909"/>
                <a:gd name="connsiteX8" fmla="*/ 691896 w 867937"/>
                <a:gd name="connsiteY8" fmla="*/ 0 h 953909"/>
                <a:gd name="connsiteX9" fmla="*/ 867937 w 867937"/>
                <a:gd name="connsiteY9" fmla="*/ 0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7937" h="953909">
                  <a:moveTo>
                    <a:pt x="867937" y="953910"/>
                  </a:moveTo>
                  <a:lnTo>
                    <a:pt x="739626" y="953910"/>
                  </a:lnTo>
                  <a:lnTo>
                    <a:pt x="176013" y="298856"/>
                  </a:lnTo>
                  <a:lnTo>
                    <a:pt x="176013" y="953910"/>
                  </a:lnTo>
                  <a:lnTo>
                    <a:pt x="0" y="953910"/>
                  </a:lnTo>
                  <a:lnTo>
                    <a:pt x="0" y="0"/>
                  </a:lnTo>
                  <a:lnTo>
                    <a:pt x="128283" y="0"/>
                  </a:lnTo>
                  <a:lnTo>
                    <a:pt x="691896" y="653672"/>
                  </a:lnTo>
                  <a:lnTo>
                    <a:pt x="691896" y="0"/>
                  </a:lnTo>
                  <a:lnTo>
                    <a:pt x="867937" y="0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" name="Freeform 47">
              <a:extLst>
                <a:ext uri="{FF2B5EF4-FFF2-40B4-BE49-F238E27FC236}">
                  <a16:creationId xmlns:a16="http://schemas.microsoft.com/office/drawing/2014/main" id="{336E56EA-4E98-9D4A-923A-2601B5ED81D7}"/>
                </a:ext>
              </a:extLst>
            </p:cNvPr>
            <p:cNvSpPr/>
            <p:nvPr/>
          </p:nvSpPr>
          <p:spPr bwMode="gray">
            <a:xfrm>
              <a:off x="5351015" y="668674"/>
              <a:ext cx="880214" cy="953909"/>
            </a:xfrm>
            <a:custGeom>
              <a:avLst/>
              <a:gdLst>
                <a:gd name="connsiteX0" fmla="*/ 880215 w 880214"/>
                <a:gd name="connsiteY0" fmla="*/ 476269 h 953909"/>
                <a:gd name="connsiteX1" fmla="*/ 410766 w 880214"/>
                <a:gd name="connsiteY1" fmla="*/ 953910 h 953909"/>
                <a:gd name="connsiteX2" fmla="*/ 0 w 880214"/>
                <a:gd name="connsiteY2" fmla="*/ 953910 h 953909"/>
                <a:gd name="connsiteX3" fmla="*/ 0 w 880214"/>
                <a:gd name="connsiteY3" fmla="*/ 0 h 953909"/>
                <a:gd name="connsiteX4" fmla="*/ 410766 w 880214"/>
                <a:gd name="connsiteY4" fmla="*/ 0 h 953909"/>
                <a:gd name="connsiteX5" fmla="*/ 880215 w 880214"/>
                <a:gd name="connsiteY5" fmla="*/ 476269 h 953909"/>
                <a:gd name="connsiteX6" fmla="*/ 705535 w 880214"/>
                <a:gd name="connsiteY6" fmla="*/ 476269 h 953909"/>
                <a:gd name="connsiteX7" fmla="*/ 405308 w 880214"/>
                <a:gd name="connsiteY7" fmla="*/ 169221 h 953909"/>
                <a:gd name="connsiteX8" fmla="*/ 176041 w 880214"/>
                <a:gd name="connsiteY8" fmla="*/ 169221 h 953909"/>
                <a:gd name="connsiteX9" fmla="*/ 176041 w 880214"/>
                <a:gd name="connsiteY9" fmla="*/ 783317 h 953909"/>
                <a:gd name="connsiteX10" fmla="*/ 405308 w 880214"/>
                <a:gd name="connsiteY10" fmla="*/ 783317 h 953909"/>
                <a:gd name="connsiteX11" fmla="*/ 705535 w 880214"/>
                <a:gd name="connsiteY11" fmla="*/ 476269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80214" h="953909">
                  <a:moveTo>
                    <a:pt x="880215" y="476269"/>
                  </a:moveTo>
                  <a:cubicBezTo>
                    <a:pt x="880215" y="739654"/>
                    <a:pt x="670055" y="953910"/>
                    <a:pt x="410766" y="953910"/>
                  </a:cubicBezTo>
                  <a:lnTo>
                    <a:pt x="0" y="953910"/>
                  </a:lnTo>
                  <a:lnTo>
                    <a:pt x="0" y="0"/>
                  </a:lnTo>
                  <a:lnTo>
                    <a:pt x="410766" y="0"/>
                  </a:lnTo>
                  <a:cubicBezTo>
                    <a:pt x="670055" y="0"/>
                    <a:pt x="880215" y="212884"/>
                    <a:pt x="880215" y="476269"/>
                  </a:cubicBezTo>
                  <a:close/>
                  <a:moveTo>
                    <a:pt x="705535" y="476269"/>
                  </a:moveTo>
                  <a:cubicBezTo>
                    <a:pt x="705535" y="307048"/>
                    <a:pt x="570433" y="169221"/>
                    <a:pt x="405308" y="169221"/>
                  </a:cubicBezTo>
                  <a:lnTo>
                    <a:pt x="176041" y="169221"/>
                  </a:lnTo>
                  <a:lnTo>
                    <a:pt x="176041" y="783317"/>
                  </a:lnTo>
                  <a:lnTo>
                    <a:pt x="405308" y="783317"/>
                  </a:lnTo>
                  <a:cubicBezTo>
                    <a:pt x="570433" y="783317"/>
                    <a:pt x="705535" y="645490"/>
                    <a:pt x="705535" y="47626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" name="Freeform 48">
              <a:extLst>
                <a:ext uri="{FF2B5EF4-FFF2-40B4-BE49-F238E27FC236}">
                  <a16:creationId xmlns:a16="http://schemas.microsoft.com/office/drawing/2014/main" id="{181725C8-F5B4-D446-8E8D-C4EDD1629017}"/>
                </a:ext>
              </a:extLst>
            </p:cNvPr>
            <p:cNvSpPr/>
            <p:nvPr/>
          </p:nvSpPr>
          <p:spPr bwMode="gray">
            <a:xfrm>
              <a:off x="6599599" y="668674"/>
              <a:ext cx="176050" cy="953909"/>
            </a:xfrm>
            <a:custGeom>
              <a:avLst/>
              <a:gdLst>
                <a:gd name="connsiteX0" fmla="*/ 0 w 176050"/>
                <a:gd name="connsiteY0" fmla="*/ 953910 h 953909"/>
                <a:gd name="connsiteX1" fmla="*/ 0 w 176050"/>
                <a:gd name="connsiteY1" fmla="*/ 0 h 953909"/>
                <a:gd name="connsiteX2" fmla="*/ 176051 w 176050"/>
                <a:gd name="connsiteY2" fmla="*/ 0 h 953909"/>
                <a:gd name="connsiteX3" fmla="*/ 176051 w 176050"/>
                <a:gd name="connsiteY3" fmla="*/ 953910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76050" h="953909">
                  <a:moveTo>
                    <a:pt x="0" y="953910"/>
                  </a:moveTo>
                  <a:lnTo>
                    <a:pt x="0" y="0"/>
                  </a:lnTo>
                  <a:lnTo>
                    <a:pt x="176051" y="0"/>
                  </a:lnTo>
                  <a:lnTo>
                    <a:pt x="176051" y="953910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F4A04925-4252-1D46-A0F6-C749A928181C}"/>
                </a:ext>
              </a:extLst>
            </p:cNvPr>
            <p:cNvSpPr/>
            <p:nvPr/>
          </p:nvSpPr>
          <p:spPr bwMode="gray">
            <a:xfrm>
              <a:off x="7091051" y="668674"/>
              <a:ext cx="993476" cy="953909"/>
            </a:xfrm>
            <a:custGeom>
              <a:avLst/>
              <a:gdLst>
                <a:gd name="connsiteX0" fmla="*/ 993477 w 993476"/>
                <a:gd name="connsiteY0" fmla="*/ 953910 h 953909"/>
                <a:gd name="connsiteX1" fmla="*/ 816073 w 993476"/>
                <a:gd name="connsiteY1" fmla="*/ 953910 h 953909"/>
                <a:gd name="connsiteX2" fmla="*/ 730101 w 993476"/>
                <a:gd name="connsiteY2" fmla="*/ 739654 h 953909"/>
                <a:gd name="connsiteX3" fmla="*/ 264747 w 993476"/>
                <a:gd name="connsiteY3" fmla="*/ 739654 h 953909"/>
                <a:gd name="connsiteX4" fmla="*/ 178775 w 993476"/>
                <a:gd name="connsiteY4" fmla="*/ 953910 h 953909"/>
                <a:gd name="connsiteX5" fmla="*/ 0 w 993476"/>
                <a:gd name="connsiteY5" fmla="*/ 953910 h 953909"/>
                <a:gd name="connsiteX6" fmla="*/ 382077 w 993476"/>
                <a:gd name="connsiteY6" fmla="*/ 0 h 953909"/>
                <a:gd name="connsiteX7" fmla="*/ 612705 w 993476"/>
                <a:gd name="connsiteY7" fmla="*/ 0 h 953909"/>
                <a:gd name="connsiteX8" fmla="*/ 665922 w 993476"/>
                <a:gd name="connsiteY8" fmla="*/ 579977 h 953909"/>
                <a:gd name="connsiteX9" fmla="*/ 496701 w 993476"/>
                <a:gd name="connsiteY9" fmla="*/ 158296 h 953909"/>
                <a:gd name="connsiteX10" fmla="*/ 328851 w 993476"/>
                <a:gd name="connsiteY10" fmla="*/ 579977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93476" h="953909">
                  <a:moveTo>
                    <a:pt x="993477" y="953910"/>
                  </a:moveTo>
                  <a:lnTo>
                    <a:pt x="816073" y="953910"/>
                  </a:lnTo>
                  <a:lnTo>
                    <a:pt x="730101" y="739654"/>
                  </a:lnTo>
                  <a:lnTo>
                    <a:pt x="264747" y="739654"/>
                  </a:lnTo>
                  <a:lnTo>
                    <a:pt x="178775" y="953910"/>
                  </a:lnTo>
                  <a:lnTo>
                    <a:pt x="0" y="953910"/>
                  </a:lnTo>
                  <a:lnTo>
                    <a:pt x="382077" y="0"/>
                  </a:lnTo>
                  <a:lnTo>
                    <a:pt x="612705" y="0"/>
                  </a:lnTo>
                  <a:close/>
                  <a:moveTo>
                    <a:pt x="665922" y="579977"/>
                  </a:moveTo>
                  <a:lnTo>
                    <a:pt x="496701" y="158296"/>
                  </a:lnTo>
                  <a:lnTo>
                    <a:pt x="328851" y="579977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1" name="Freeform 50">
              <a:extLst>
                <a:ext uri="{FF2B5EF4-FFF2-40B4-BE49-F238E27FC236}">
                  <a16:creationId xmlns:a16="http://schemas.microsoft.com/office/drawing/2014/main" id="{EB70B29B-E50A-CF4A-B8A7-59B63BE35B2A}"/>
                </a:ext>
              </a:extLst>
            </p:cNvPr>
            <p:cNvSpPr/>
            <p:nvPr/>
          </p:nvSpPr>
          <p:spPr bwMode="gray">
            <a:xfrm>
              <a:off x="8404996" y="668674"/>
              <a:ext cx="867937" cy="953909"/>
            </a:xfrm>
            <a:custGeom>
              <a:avLst/>
              <a:gdLst>
                <a:gd name="connsiteX0" fmla="*/ 867937 w 867937"/>
                <a:gd name="connsiteY0" fmla="*/ 953910 h 953909"/>
                <a:gd name="connsiteX1" fmla="*/ 739654 w 867937"/>
                <a:gd name="connsiteY1" fmla="*/ 953910 h 953909"/>
                <a:gd name="connsiteX2" fmla="*/ 176041 w 867937"/>
                <a:gd name="connsiteY2" fmla="*/ 298856 h 953909"/>
                <a:gd name="connsiteX3" fmla="*/ 176041 w 867937"/>
                <a:gd name="connsiteY3" fmla="*/ 953910 h 953909"/>
                <a:gd name="connsiteX4" fmla="*/ 0 w 867937"/>
                <a:gd name="connsiteY4" fmla="*/ 953910 h 953909"/>
                <a:gd name="connsiteX5" fmla="*/ 0 w 867937"/>
                <a:gd name="connsiteY5" fmla="*/ 0 h 953909"/>
                <a:gd name="connsiteX6" fmla="*/ 128264 w 867937"/>
                <a:gd name="connsiteY6" fmla="*/ 0 h 953909"/>
                <a:gd name="connsiteX7" fmla="*/ 691867 w 867937"/>
                <a:gd name="connsiteY7" fmla="*/ 653672 h 953909"/>
                <a:gd name="connsiteX8" fmla="*/ 691867 w 867937"/>
                <a:gd name="connsiteY8" fmla="*/ 0 h 953909"/>
                <a:gd name="connsiteX9" fmla="*/ 867918 w 867937"/>
                <a:gd name="connsiteY9" fmla="*/ 0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67937" h="953909">
                  <a:moveTo>
                    <a:pt x="867937" y="953910"/>
                  </a:moveTo>
                  <a:lnTo>
                    <a:pt x="739654" y="953910"/>
                  </a:lnTo>
                  <a:lnTo>
                    <a:pt x="176041" y="298856"/>
                  </a:lnTo>
                  <a:lnTo>
                    <a:pt x="176041" y="953910"/>
                  </a:lnTo>
                  <a:lnTo>
                    <a:pt x="0" y="953910"/>
                  </a:lnTo>
                  <a:lnTo>
                    <a:pt x="0" y="0"/>
                  </a:lnTo>
                  <a:lnTo>
                    <a:pt x="128264" y="0"/>
                  </a:lnTo>
                  <a:lnTo>
                    <a:pt x="691867" y="653672"/>
                  </a:lnTo>
                  <a:lnTo>
                    <a:pt x="691867" y="0"/>
                  </a:lnTo>
                  <a:lnTo>
                    <a:pt x="867918" y="0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2" name="Freeform 51">
              <a:extLst>
                <a:ext uri="{FF2B5EF4-FFF2-40B4-BE49-F238E27FC236}">
                  <a16:creationId xmlns:a16="http://schemas.microsoft.com/office/drawing/2014/main" id="{94ED7F6B-6CE6-C944-BE89-BEC878A4DFAB}"/>
                </a:ext>
              </a:extLst>
            </p:cNvPr>
            <p:cNvSpPr/>
            <p:nvPr/>
          </p:nvSpPr>
          <p:spPr bwMode="gray">
            <a:xfrm>
              <a:off x="2237845" y="1016470"/>
              <a:ext cx="176412" cy="606113"/>
            </a:xfrm>
            <a:custGeom>
              <a:avLst/>
              <a:gdLst>
                <a:gd name="connsiteX0" fmla="*/ 176412 w 176412"/>
                <a:gd name="connsiteY0" fmla="*/ 0 h 606113"/>
                <a:gd name="connsiteX1" fmla="*/ 0 w 176412"/>
                <a:gd name="connsiteY1" fmla="*/ 176146 h 606113"/>
                <a:gd name="connsiteX2" fmla="*/ 0 w 176412"/>
                <a:gd name="connsiteY2" fmla="*/ 176279 h 606113"/>
                <a:gd name="connsiteX3" fmla="*/ 0 w 176412"/>
                <a:gd name="connsiteY3" fmla="*/ 606114 h 606113"/>
                <a:gd name="connsiteX4" fmla="*/ 176412 w 176412"/>
                <a:gd name="connsiteY4" fmla="*/ 606114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12" y="0"/>
                  </a:moveTo>
                  <a:cubicBezTo>
                    <a:pt x="79057" y="-76"/>
                    <a:pt x="76" y="78791"/>
                    <a:pt x="0" y="176146"/>
                  </a:cubicBezTo>
                  <a:cubicBezTo>
                    <a:pt x="0" y="176194"/>
                    <a:pt x="0" y="176232"/>
                    <a:pt x="0" y="176279"/>
                  </a:cubicBezTo>
                  <a:lnTo>
                    <a:pt x="0" y="606114"/>
                  </a:lnTo>
                  <a:lnTo>
                    <a:pt x="176412" y="606114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3" name="Freeform 52">
              <a:extLst>
                <a:ext uri="{FF2B5EF4-FFF2-40B4-BE49-F238E27FC236}">
                  <a16:creationId xmlns:a16="http://schemas.microsoft.com/office/drawing/2014/main" id="{4E24D203-C4AC-264D-803B-DEB34246B0DC}"/>
                </a:ext>
              </a:extLst>
            </p:cNvPr>
            <p:cNvSpPr/>
            <p:nvPr/>
          </p:nvSpPr>
          <p:spPr bwMode="gray">
            <a:xfrm>
              <a:off x="9573904" y="668674"/>
              <a:ext cx="874547" cy="957491"/>
            </a:xfrm>
            <a:custGeom>
              <a:avLst/>
              <a:gdLst>
                <a:gd name="connsiteX0" fmla="*/ 843401 w 874547"/>
                <a:gd name="connsiteY0" fmla="*/ 0 h 957491"/>
                <a:gd name="connsiteX1" fmla="*/ 151886 w 874547"/>
                <a:gd name="connsiteY1" fmla="*/ 0 h 957491"/>
                <a:gd name="connsiteX2" fmla="*/ 3296 w 874547"/>
                <a:gd name="connsiteY2" fmla="*/ 162354 h 957491"/>
                <a:gd name="connsiteX3" fmla="*/ 0 w 874547"/>
                <a:gd name="connsiteY3" fmla="*/ 163763 h 957491"/>
                <a:gd name="connsiteX4" fmla="*/ 330480 w 874547"/>
                <a:gd name="connsiteY4" fmla="*/ 163763 h 957491"/>
                <a:gd name="connsiteX5" fmla="*/ 330480 w 874547"/>
                <a:gd name="connsiteY5" fmla="*/ 957491 h 957491"/>
                <a:gd name="connsiteX6" fmla="*/ 506025 w 874547"/>
                <a:gd name="connsiteY6" fmla="*/ 954872 h 957491"/>
                <a:gd name="connsiteX7" fmla="*/ 506025 w 874547"/>
                <a:gd name="connsiteY7" fmla="*/ 953919 h 957491"/>
                <a:gd name="connsiteX8" fmla="*/ 508978 w 874547"/>
                <a:gd name="connsiteY8" fmla="*/ 953919 h 957491"/>
                <a:gd name="connsiteX9" fmla="*/ 508978 w 874547"/>
                <a:gd name="connsiteY9" fmla="*/ 163763 h 957491"/>
                <a:gd name="connsiteX10" fmla="*/ 589179 w 874547"/>
                <a:gd name="connsiteY10" fmla="*/ 163763 h 957491"/>
                <a:gd name="connsiteX11" fmla="*/ 589273 w 874547"/>
                <a:gd name="connsiteY11" fmla="*/ 163763 h 957491"/>
                <a:gd name="connsiteX12" fmla="*/ 730244 w 874547"/>
                <a:gd name="connsiteY12" fmla="*/ 163763 h 957491"/>
                <a:gd name="connsiteX13" fmla="*/ 874548 w 874547"/>
                <a:gd name="connsiteY13" fmla="*/ 38 h 9574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874547" h="957491">
                  <a:moveTo>
                    <a:pt x="843401" y="0"/>
                  </a:moveTo>
                  <a:lnTo>
                    <a:pt x="151886" y="0"/>
                  </a:lnTo>
                  <a:cubicBezTo>
                    <a:pt x="70218" y="0"/>
                    <a:pt x="3982" y="72571"/>
                    <a:pt x="3296" y="162354"/>
                  </a:cubicBezTo>
                  <a:lnTo>
                    <a:pt x="0" y="163763"/>
                  </a:lnTo>
                  <a:lnTo>
                    <a:pt x="330480" y="163763"/>
                  </a:lnTo>
                  <a:lnTo>
                    <a:pt x="330480" y="957491"/>
                  </a:lnTo>
                  <a:cubicBezTo>
                    <a:pt x="390297" y="956072"/>
                    <a:pt x="446875" y="959549"/>
                    <a:pt x="506025" y="954872"/>
                  </a:cubicBezTo>
                  <a:lnTo>
                    <a:pt x="506025" y="953919"/>
                  </a:lnTo>
                  <a:lnTo>
                    <a:pt x="508978" y="953919"/>
                  </a:lnTo>
                  <a:lnTo>
                    <a:pt x="508978" y="163763"/>
                  </a:lnTo>
                  <a:lnTo>
                    <a:pt x="589179" y="163763"/>
                  </a:lnTo>
                  <a:lnTo>
                    <a:pt x="589273" y="163763"/>
                  </a:lnTo>
                  <a:lnTo>
                    <a:pt x="730244" y="163763"/>
                  </a:lnTo>
                  <a:cubicBezTo>
                    <a:pt x="810349" y="161106"/>
                    <a:pt x="874548" y="88916"/>
                    <a:pt x="874548" y="38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4" name="Freeform 53">
              <a:extLst>
                <a:ext uri="{FF2B5EF4-FFF2-40B4-BE49-F238E27FC236}">
                  <a16:creationId xmlns:a16="http://schemas.microsoft.com/office/drawing/2014/main" id="{EC1DA797-9233-2E47-9082-B677AFC7496A}"/>
                </a:ext>
              </a:extLst>
            </p:cNvPr>
            <p:cNvSpPr/>
            <p:nvPr/>
          </p:nvSpPr>
          <p:spPr bwMode="gray">
            <a:xfrm>
              <a:off x="1318196" y="668674"/>
              <a:ext cx="1096060" cy="953900"/>
            </a:xfrm>
            <a:custGeom>
              <a:avLst/>
              <a:gdLst>
                <a:gd name="connsiteX0" fmla="*/ 1096061 w 1096060"/>
                <a:gd name="connsiteY0" fmla="*/ 210655 h 953900"/>
                <a:gd name="connsiteX1" fmla="*/ 1093203 w 1096060"/>
                <a:gd name="connsiteY1" fmla="*/ 210293 h 953900"/>
                <a:gd name="connsiteX2" fmla="*/ 1012308 w 1096060"/>
                <a:gd name="connsiteY2" fmla="*/ 222180 h 953900"/>
                <a:gd name="connsiteX3" fmla="*/ 916638 w 1096060"/>
                <a:gd name="connsiteY3" fmla="*/ 294065 h 953900"/>
                <a:gd name="connsiteX4" fmla="*/ 915229 w 1096060"/>
                <a:gd name="connsiteY4" fmla="*/ 295456 h 953900"/>
                <a:gd name="connsiteX5" fmla="*/ 855821 w 1096060"/>
                <a:gd name="connsiteY5" fmla="*/ 364446 h 953900"/>
                <a:gd name="connsiteX6" fmla="*/ 582921 w 1096060"/>
                <a:gd name="connsiteY6" fmla="*/ 739654 h 953900"/>
                <a:gd name="connsiteX7" fmla="*/ 478831 w 1096060"/>
                <a:gd name="connsiteY7" fmla="*/ 739654 h 953900"/>
                <a:gd name="connsiteX8" fmla="*/ 179070 w 1096060"/>
                <a:gd name="connsiteY8" fmla="*/ 327517 h 953900"/>
                <a:gd name="connsiteX9" fmla="*/ 179070 w 1096060"/>
                <a:gd name="connsiteY9" fmla="*/ 953900 h 953900"/>
                <a:gd name="connsiteX10" fmla="*/ 0 w 1096060"/>
                <a:gd name="connsiteY10" fmla="*/ 953900 h 953900"/>
                <a:gd name="connsiteX11" fmla="*/ 0 w 1096060"/>
                <a:gd name="connsiteY11" fmla="*/ 0 h 953900"/>
                <a:gd name="connsiteX12" fmla="*/ 140170 w 1096060"/>
                <a:gd name="connsiteY12" fmla="*/ 0 h 953900"/>
                <a:gd name="connsiteX13" fmla="*/ 530133 w 1096060"/>
                <a:gd name="connsiteY13" fmla="*/ 537686 h 953900"/>
                <a:gd name="connsiteX14" fmla="*/ 921496 w 1096060"/>
                <a:gd name="connsiteY14" fmla="*/ 0 h 953900"/>
                <a:gd name="connsiteX15" fmla="*/ 1096013 w 1096060"/>
                <a:gd name="connsiteY15" fmla="*/ 0 h 953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0">
                  <a:moveTo>
                    <a:pt x="1096061" y="210655"/>
                  </a:moveTo>
                  <a:lnTo>
                    <a:pt x="1093203" y="210293"/>
                  </a:lnTo>
                  <a:cubicBezTo>
                    <a:pt x="1065657" y="206540"/>
                    <a:pt x="1037606" y="210664"/>
                    <a:pt x="1012308" y="222180"/>
                  </a:cubicBezTo>
                  <a:cubicBezTo>
                    <a:pt x="976665" y="240697"/>
                    <a:pt x="944337" y="264986"/>
                    <a:pt x="916638" y="294065"/>
                  </a:cubicBezTo>
                  <a:lnTo>
                    <a:pt x="915229" y="295456"/>
                  </a:lnTo>
                  <a:cubicBezTo>
                    <a:pt x="893578" y="316792"/>
                    <a:pt x="873709" y="339871"/>
                    <a:pt x="855821" y="364446"/>
                  </a:cubicBezTo>
                  <a:lnTo>
                    <a:pt x="582921" y="739654"/>
                  </a:lnTo>
                  <a:lnTo>
                    <a:pt x="478831" y="739654"/>
                  </a:lnTo>
                  <a:lnTo>
                    <a:pt x="179070" y="327517"/>
                  </a:lnTo>
                  <a:lnTo>
                    <a:pt x="179070" y="953900"/>
                  </a:lnTo>
                  <a:lnTo>
                    <a:pt x="0" y="953900"/>
                  </a:lnTo>
                  <a:lnTo>
                    <a:pt x="0" y="0"/>
                  </a:lnTo>
                  <a:lnTo>
                    <a:pt x="140170" y="0"/>
                  </a:lnTo>
                  <a:lnTo>
                    <a:pt x="530133" y="537686"/>
                  </a:lnTo>
                  <a:lnTo>
                    <a:pt x="921496" y="0"/>
                  </a:lnTo>
                  <a:lnTo>
                    <a:pt x="1096013" y="0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5" name="Freeform 54">
              <a:extLst>
                <a:ext uri="{FF2B5EF4-FFF2-40B4-BE49-F238E27FC236}">
                  <a16:creationId xmlns:a16="http://schemas.microsoft.com/office/drawing/2014/main" id="{29884753-EF5B-FF48-8A65-B603EEB1AB53}"/>
                </a:ext>
              </a:extLst>
            </p:cNvPr>
            <p:cNvSpPr/>
            <p:nvPr/>
          </p:nvSpPr>
          <p:spPr bwMode="gray">
            <a:xfrm>
              <a:off x="2732866" y="2005961"/>
              <a:ext cx="189620" cy="256065"/>
            </a:xfrm>
            <a:custGeom>
              <a:avLst/>
              <a:gdLst>
                <a:gd name="connsiteX0" fmla="*/ 76936 w 189620"/>
                <a:gd name="connsiteY0" fmla="*/ 252359 h 256065"/>
                <a:gd name="connsiteX1" fmla="*/ 76936 w 189620"/>
                <a:gd name="connsiteY1" fmla="*/ 149441 h 256065"/>
                <a:gd name="connsiteX2" fmla="*/ 76564 w 189620"/>
                <a:gd name="connsiteY2" fmla="*/ 147612 h 256065"/>
                <a:gd name="connsiteX3" fmla="*/ 364 w 189620"/>
                <a:gd name="connsiteY3" fmla="*/ 4423 h 256065"/>
                <a:gd name="connsiteX4" fmla="*/ 2 w 189620"/>
                <a:gd name="connsiteY4" fmla="*/ 2585 h 256065"/>
                <a:gd name="connsiteX5" fmla="*/ 2926 w 189620"/>
                <a:gd name="connsiteY5" fmla="*/ 23 h 256065"/>
                <a:gd name="connsiteX6" fmla="*/ 33006 w 189620"/>
                <a:gd name="connsiteY6" fmla="*/ 23 h 256065"/>
                <a:gd name="connsiteX7" fmla="*/ 37407 w 189620"/>
                <a:gd name="connsiteY7" fmla="*/ 2585 h 256065"/>
                <a:gd name="connsiteX8" fmla="*/ 93442 w 189620"/>
                <a:gd name="connsiteY8" fmla="*/ 109894 h 256065"/>
                <a:gd name="connsiteX9" fmla="*/ 94976 w 189620"/>
                <a:gd name="connsiteY9" fmla="*/ 110551 h 256065"/>
                <a:gd name="connsiteX10" fmla="*/ 95633 w 189620"/>
                <a:gd name="connsiteY10" fmla="*/ 109894 h 256065"/>
                <a:gd name="connsiteX11" fmla="*/ 151669 w 189620"/>
                <a:gd name="connsiteY11" fmla="*/ 2585 h 256065"/>
                <a:gd name="connsiteX12" fmla="*/ 156069 w 189620"/>
                <a:gd name="connsiteY12" fmla="*/ 23 h 256065"/>
                <a:gd name="connsiteX13" fmla="*/ 186463 w 189620"/>
                <a:gd name="connsiteY13" fmla="*/ 23 h 256065"/>
                <a:gd name="connsiteX14" fmla="*/ 189207 w 189620"/>
                <a:gd name="connsiteY14" fmla="*/ 1299 h 256065"/>
                <a:gd name="connsiteX15" fmla="*/ 189026 w 189620"/>
                <a:gd name="connsiteY15" fmla="*/ 4423 h 256065"/>
                <a:gd name="connsiteX16" fmla="*/ 112483 w 189620"/>
                <a:gd name="connsiteY16" fmla="*/ 147612 h 256065"/>
                <a:gd name="connsiteX17" fmla="*/ 112121 w 189620"/>
                <a:gd name="connsiteY17" fmla="*/ 149441 h 256065"/>
                <a:gd name="connsiteX18" fmla="*/ 112121 w 189620"/>
                <a:gd name="connsiteY18" fmla="*/ 252359 h 256065"/>
                <a:gd name="connsiteX19" fmla="*/ 109377 w 189620"/>
                <a:gd name="connsiteY19" fmla="*/ 256026 h 256065"/>
                <a:gd name="connsiteX20" fmla="*/ 108454 w 189620"/>
                <a:gd name="connsiteY20" fmla="*/ 256026 h 256065"/>
                <a:gd name="connsiteX21" fmla="*/ 80631 w 189620"/>
                <a:gd name="connsiteY21" fmla="*/ 256026 h 256065"/>
                <a:gd name="connsiteX22" fmla="*/ 76936 w 189620"/>
                <a:gd name="connsiteY22" fmla="*/ 253340 h 256065"/>
                <a:gd name="connsiteX23" fmla="*/ 76936 w 189620"/>
                <a:gd name="connsiteY23" fmla="*/ 252359 h 2560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9620" h="256065">
                  <a:moveTo>
                    <a:pt x="76936" y="252359"/>
                  </a:moveTo>
                  <a:lnTo>
                    <a:pt x="76936" y="149441"/>
                  </a:lnTo>
                  <a:cubicBezTo>
                    <a:pt x="77012" y="148803"/>
                    <a:pt x="76878" y="148165"/>
                    <a:pt x="76564" y="147612"/>
                  </a:cubicBezTo>
                  <a:lnTo>
                    <a:pt x="364" y="4423"/>
                  </a:lnTo>
                  <a:cubicBezTo>
                    <a:pt x="107" y="3842"/>
                    <a:pt x="-17" y="3214"/>
                    <a:pt x="2" y="2585"/>
                  </a:cubicBezTo>
                  <a:cubicBezTo>
                    <a:pt x="2" y="880"/>
                    <a:pt x="954" y="23"/>
                    <a:pt x="2926" y="23"/>
                  </a:cubicBezTo>
                  <a:lnTo>
                    <a:pt x="33006" y="23"/>
                  </a:lnTo>
                  <a:cubicBezTo>
                    <a:pt x="34873" y="-168"/>
                    <a:pt x="36654" y="861"/>
                    <a:pt x="37407" y="2585"/>
                  </a:cubicBezTo>
                  <a:lnTo>
                    <a:pt x="93442" y="109894"/>
                  </a:lnTo>
                  <a:cubicBezTo>
                    <a:pt x="93690" y="110503"/>
                    <a:pt x="94376" y="110789"/>
                    <a:pt x="94976" y="110551"/>
                  </a:cubicBezTo>
                  <a:cubicBezTo>
                    <a:pt x="95281" y="110427"/>
                    <a:pt x="95509" y="110189"/>
                    <a:pt x="95633" y="109894"/>
                  </a:cubicBezTo>
                  <a:lnTo>
                    <a:pt x="151669" y="2585"/>
                  </a:lnTo>
                  <a:cubicBezTo>
                    <a:pt x="152421" y="861"/>
                    <a:pt x="154202" y="-168"/>
                    <a:pt x="156069" y="23"/>
                  </a:cubicBezTo>
                  <a:lnTo>
                    <a:pt x="186463" y="23"/>
                  </a:lnTo>
                  <a:cubicBezTo>
                    <a:pt x="187540" y="-44"/>
                    <a:pt x="188569" y="432"/>
                    <a:pt x="189207" y="1299"/>
                  </a:cubicBezTo>
                  <a:cubicBezTo>
                    <a:pt x="189816" y="2270"/>
                    <a:pt x="189750" y="3528"/>
                    <a:pt x="189026" y="4423"/>
                  </a:cubicBezTo>
                  <a:lnTo>
                    <a:pt x="112483" y="147612"/>
                  </a:lnTo>
                  <a:cubicBezTo>
                    <a:pt x="112168" y="148165"/>
                    <a:pt x="112035" y="148813"/>
                    <a:pt x="112121" y="149441"/>
                  </a:cubicBezTo>
                  <a:lnTo>
                    <a:pt x="112121" y="252359"/>
                  </a:lnTo>
                  <a:cubicBezTo>
                    <a:pt x="112378" y="254131"/>
                    <a:pt x="111149" y="255769"/>
                    <a:pt x="109377" y="256026"/>
                  </a:cubicBezTo>
                  <a:cubicBezTo>
                    <a:pt x="109073" y="256074"/>
                    <a:pt x="108759" y="256074"/>
                    <a:pt x="108454" y="256026"/>
                  </a:cubicBezTo>
                  <a:lnTo>
                    <a:pt x="80631" y="256026"/>
                  </a:lnTo>
                  <a:cubicBezTo>
                    <a:pt x="78869" y="256302"/>
                    <a:pt x="77221" y="255102"/>
                    <a:pt x="76936" y="253340"/>
                  </a:cubicBezTo>
                  <a:cubicBezTo>
                    <a:pt x="76888" y="253016"/>
                    <a:pt x="76888" y="252683"/>
                    <a:pt x="76936" y="25235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6" name="Freeform 55">
              <a:extLst>
                <a:ext uri="{FF2B5EF4-FFF2-40B4-BE49-F238E27FC236}">
                  <a16:creationId xmlns:a16="http://schemas.microsoft.com/office/drawing/2014/main" id="{270A105E-B4A2-4C49-95A5-66F074F3684E}"/>
                </a:ext>
              </a:extLst>
            </p:cNvPr>
            <p:cNvSpPr/>
            <p:nvPr/>
          </p:nvSpPr>
          <p:spPr bwMode="gray">
            <a:xfrm>
              <a:off x="2976783" y="2003053"/>
              <a:ext cx="181320" cy="262618"/>
            </a:xfrm>
            <a:custGeom>
              <a:avLst/>
              <a:gdLst>
                <a:gd name="connsiteX0" fmla="*/ 43236 w 181320"/>
                <a:gd name="connsiteY0" fmla="*/ 251600 h 262618"/>
                <a:gd name="connsiteX1" fmla="*/ 11374 w 181320"/>
                <a:gd name="connsiteY1" fmla="*/ 220692 h 262618"/>
                <a:gd name="connsiteX2" fmla="*/ 21 w 181320"/>
                <a:gd name="connsiteY2" fmla="*/ 174734 h 262618"/>
                <a:gd name="connsiteX3" fmla="*/ 21 w 181320"/>
                <a:gd name="connsiteY3" fmla="*/ 87532 h 262618"/>
                <a:gd name="connsiteX4" fmla="*/ 11374 w 181320"/>
                <a:gd name="connsiteY4" fmla="*/ 41755 h 262618"/>
                <a:gd name="connsiteX5" fmla="*/ 43236 w 181320"/>
                <a:gd name="connsiteY5" fmla="*/ 10980 h 262618"/>
                <a:gd name="connsiteX6" fmla="*/ 138086 w 181320"/>
                <a:gd name="connsiteY6" fmla="*/ 10980 h 262618"/>
                <a:gd name="connsiteX7" fmla="*/ 169956 w 181320"/>
                <a:gd name="connsiteY7" fmla="*/ 41755 h 262618"/>
                <a:gd name="connsiteX8" fmla="*/ 181301 w 181320"/>
                <a:gd name="connsiteY8" fmla="*/ 87532 h 262618"/>
                <a:gd name="connsiteX9" fmla="*/ 181301 w 181320"/>
                <a:gd name="connsiteY9" fmla="*/ 174696 h 262618"/>
                <a:gd name="connsiteX10" fmla="*/ 169956 w 181320"/>
                <a:gd name="connsiteY10" fmla="*/ 220692 h 262618"/>
                <a:gd name="connsiteX11" fmla="*/ 138086 w 181320"/>
                <a:gd name="connsiteY11" fmla="*/ 251639 h 262618"/>
                <a:gd name="connsiteX12" fmla="*/ 43236 w 181320"/>
                <a:gd name="connsiteY12" fmla="*/ 251639 h 262618"/>
                <a:gd name="connsiteX13" fmla="*/ 130761 w 181320"/>
                <a:gd name="connsiteY13" fmla="*/ 216815 h 262618"/>
                <a:gd name="connsiteX14" fmla="*/ 146144 w 181320"/>
                <a:gd name="connsiteY14" fmla="*/ 176153 h 262618"/>
                <a:gd name="connsiteX15" fmla="*/ 146144 w 181320"/>
                <a:gd name="connsiteY15" fmla="*/ 87161 h 262618"/>
                <a:gd name="connsiteX16" fmla="*/ 130761 w 181320"/>
                <a:gd name="connsiteY16" fmla="*/ 45956 h 262618"/>
                <a:gd name="connsiteX17" fmla="*/ 90480 w 181320"/>
                <a:gd name="connsiteY17" fmla="*/ 30392 h 262618"/>
                <a:gd name="connsiteX18" fmla="*/ 50370 w 181320"/>
                <a:gd name="connsiteY18" fmla="*/ 45956 h 262618"/>
                <a:gd name="connsiteX19" fmla="*/ 35178 w 181320"/>
                <a:gd name="connsiteY19" fmla="*/ 87161 h 262618"/>
                <a:gd name="connsiteX20" fmla="*/ 35178 w 181320"/>
                <a:gd name="connsiteY20" fmla="*/ 176153 h 262618"/>
                <a:gd name="connsiteX21" fmla="*/ 50370 w 181320"/>
                <a:gd name="connsiteY21" fmla="*/ 216815 h 262618"/>
                <a:gd name="connsiteX22" fmla="*/ 90480 w 181320"/>
                <a:gd name="connsiteY22" fmla="*/ 232189 h 262618"/>
                <a:gd name="connsiteX23" fmla="*/ 130761 w 181320"/>
                <a:gd name="connsiteY23" fmla="*/ 216815 h 2626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1320" h="262618">
                  <a:moveTo>
                    <a:pt x="43236" y="251600"/>
                  </a:moveTo>
                  <a:cubicBezTo>
                    <a:pt x="29862" y="244581"/>
                    <a:pt x="18795" y="233846"/>
                    <a:pt x="11374" y="220692"/>
                  </a:cubicBezTo>
                  <a:cubicBezTo>
                    <a:pt x="3611" y="206642"/>
                    <a:pt x="-303" y="190783"/>
                    <a:pt x="21" y="174734"/>
                  </a:cubicBezTo>
                  <a:lnTo>
                    <a:pt x="21" y="87532"/>
                  </a:lnTo>
                  <a:cubicBezTo>
                    <a:pt x="-322" y="71540"/>
                    <a:pt x="3602" y="55738"/>
                    <a:pt x="11374" y="41755"/>
                  </a:cubicBezTo>
                  <a:cubicBezTo>
                    <a:pt x="18833" y="28668"/>
                    <a:pt x="29891" y="17981"/>
                    <a:pt x="43236" y="10980"/>
                  </a:cubicBezTo>
                  <a:cubicBezTo>
                    <a:pt x="73154" y="-3660"/>
                    <a:pt x="108168" y="-3660"/>
                    <a:pt x="138086" y="10980"/>
                  </a:cubicBezTo>
                  <a:cubicBezTo>
                    <a:pt x="151420" y="17990"/>
                    <a:pt x="162479" y="28668"/>
                    <a:pt x="169956" y="41755"/>
                  </a:cubicBezTo>
                  <a:cubicBezTo>
                    <a:pt x="177719" y="55738"/>
                    <a:pt x="181634" y="71540"/>
                    <a:pt x="181301" y="87532"/>
                  </a:cubicBezTo>
                  <a:lnTo>
                    <a:pt x="181301" y="174696"/>
                  </a:lnTo>
                  <a:cubicBezTo>
                    <a:pt x="181634" y="190755"/>
                    <a:pt x="177719" y="206624"/>
                    <a:pt x="169956" y="220692"/>
                  </a:cubicBezTo>
                  <a:cubicBezTo>
                    <a:pt x="162536" y="233855"/>
                    <a:pt x="151468" y="244609"/>
                    <a:pt x="138086" y="251639"/>
                  </a:cubicBezTo>
                  <a:cubicBezTo>
                    <a:pt x="108168" y="266279"/>
                    <a:pt x="73154" y="266279"/>
                    <a:pt x="43236" y="251639"/>
                  </a:cubicBezTo>
                  <a:close/>
                  <a:moveTo>
                    <a:pt x="130761" y="216815"/>
                  </a:moveTo>
                  <a:cubicBezTo>
                    <a:pt x="141257" y="205957"/>
                    <a:pt x="146820" y="191250"/>
                    <a:pt x="146144" y="176153"/>
                  </a:cubicBezTo>
                  <a:lnTo>
                    <a:pt x="146144" y="87161"/>
                  </a:lnTo>
                  <a:cubicBezTo>
                    <a:pt x="146839" y="71902"/>
                    <a:pt x="141286" y="57024"/>
                    <a:pt x="130761" y="45956"/>
                  </a:cubicBezTo>
                  <a:cubicBezTo>
                    <a:pt x="120074" y="35402"/>
                    <a:pt x="105481" y="29763"/>
                    <a:pt x="90480" y="30392"/>
                  </a:cubicBezTo>
                  <a:cubicBezTo>
                    <a:pt x="75525" y="29744"/>
                    <a:pt x="60981" y="35393"/>
                    <a:pt x="50370" y="45956"/>
                  </a:cubicBezTo>
                  <a:cubicBezTo>
                    <a:pt x="39949" y="57081"/>
                    <a:pt x="34473" y="71940"/>
                    <a:pt x="35178" y="87161"/>
                  </a:cubicBezTo>
                  <a:lnTo>
                    <a:pt x="35178" y="176153"/>
                  </a:lnTo>
                  <a:cubicBezTo>
                    <a:pt x="34492" y="191212"/>
                    <a:pt x="39978" y="205899"/>
                    <a:pt x="50370" y="216815"/>
                  </a:cubicBezTo>
                  <a:cubicBezTo>
                    <a:pt x="61028" y="227274"/>
                    <a:pt x="75554" y="232846"/>
                    <a:pt x="90480" y="232189"/>
                  </a:cubicBezTo>
                  <a:cubicBezTo>
                    <a:pt x="105453" y="232827"/>
                    <a:pt x="120017" y="227264"/>
                    <a:pt x="130761" y="216815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7" name="Freeform 56">
              <a:extLst>
                <a:ext uri="{FF2B5EF4-FFF2-40B4-BE49-F238E27FC236}">
                  <a16:creationId xmlns:a16="http://schemas.microsoft.com/office/drawing/2014/main" id="{19A5BCA4-928B-A842-9DF4-F9B67ABA5E01}"/>
                </a:ext>
              </a:extLst>
            </p:cNvPr>
            <p:cNvSpPr/>
            <p:nvPr/>
          </p:nvSpPr>
          <p:spPr bwMode="gray">
            <a:xfrm>
              <a:off x="3242291" y="2005905"/>
              <a:ext cx="179930" cy="259416"/>
            </a:xfrm>
            <a:custGeom>
              <a:avLst/>
              <a:gdLst>
                <a:gd name="connsiteX0" fmla="*/ 43066 w 179930"/>
                <a:gd name="connsiteY0" fmla="*/ 248939 h 259416"/>
                <a:gd name="connsiteX1" fmla="*/ 11385 w 179930"/>
                <a:gd name="connsiteY1" fmla="*/ 219268 h 259416"/>
                <a:gd name="connsiteX2" fmla="*/ 32 w 179930"/>
                <a:gd name="connsiteY2" fmla="*/ 175139 h 259416"/>
                <a:gd name="connsiteX3" fmla="*/ 32 w 179930"/>
                <a:gd name="connsiteY3" fmla="*/ 3689 h 259416"/>
                <a:gd name="connsiteX4" fmla="*/ 2784 w 179930"/>
                <a:gd name="connsiteY4" fmla="*/ 32 h 259416"/>
                <a:gd name="connsiteX5" fmla="*/ 3689 w 179930"/>
                <a:gd name="connsiteY5" fmla="*/ 32 h 259416"/>
                <a:gd name="connsiteX6" fmla="*/ 31521 w 179930"/>
                <a:gd name="connsiteY6" fmla="*/ 32 h 259416"/>
                <a:gd name="connsiteX7" fmla="*/ 35188 w 179930"/>
                <a:gd name="connsiteY7" fmla="*/ 2803 h 259416"/>
                <a:gd name="connsiteX8" fmla="*/ 35188 w 179930"/>
                <a:gd name="connsiteY8" fmla="*/ 3689 h 259416"/>
                <a:gd name="connsiteX9" fmla="*/ 35188 w 179930"/>
                <a:gd name="connsiteY9" fmla="*/ 175825 h 259416"/>
                <a:gd name="connsiteX10" fmla="*/ 50428 w 179930"/>
                <a:gd name="connsiteY10" fmla="*/ 214277 h 259416"/>
                <a:gd name="connsiteX11" fmla="*/ 90167 w 179930"/>
                <a:gd name="connsiteY11" fmla="*/ 228927 h 259416"/>
                <a:gd name="connsiteX12" fmla="*/ 129724 w 179930"/>
                <a:gd name="connsiteY12" fmla="*/ 214277 h 259416"/>
                <a:gd name="connsiteX13" fmla="*/ 144735 w 179930"/>
                <a:gd name="connsiteY13" fmla="*/ 175825 h 259416"/>
                <a:gd name="connsiteX14" fmla="*/ 144735 w 179930"/>
                <a:gd name="connsiteY14" fmla="*/ 3737 h 259416"/>
                <a:gd name="connsiteX15" fmla="*/ 147517 w 179930"/>
                <a:gd name="connsiteY15" fmla="*/ 79 h 259416"/>
                <a:gd name="connsiteX16" fmla="*/ 148403 w 179930"/>
                <a:gd name="connsiteY16" fmla="*/ 79 h 259416"/>
                <a:gd name="connsiteX17" fmla="*/ 176235 w 179930"/>
                <a:gd name="connsiteY17" fmla="*/ 79 h 259416"/>
                <a:gd name="connsiteX18" fmla="*/ 179902 w 179930"/>
                <a:gd name="connsiteY18" fmla="*/ 2851 h 259416"/>
                <a:gd name="connsiteX19" fmla="*/ 179902 w 179930"/>
                <a:gd name="connsiteY19" fmla="*/ 3737 h 259416"/>
                <a:gd name="connsiteX20" fmla="*/ 179902 w 179930"/>
                <a:gd name="connsiteY20" fmla="*/ 175187 h 259416"/>
                <a:gd name="connsiteX21" fmla="*/ 168729 w 179930"/>
                <a:gd name="connsiteY21" fmla="*/ 219316 h 259416"/>
                <a:gd name="connsiteX22" fmla="*/ 137230 w 179930"/>
                <a:gd name="connsiteY22" fmla="*/ 248986 h 259416"/>
                <a:gd name="connsiteX23" fmla="*/ 43113 w 179930"/>
                <a:gd name="connsiteY23" fmla="*/ 248986 h 2594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79930" h="259416">
                  <a:moveTo>
                    <a:pt x="43066" y="248939"/>
                  </a:moveTo>
                  <a:cubicBezTo>
                    <a:pt x="29864" y="242309"/>
                    <a:pt x="18863" y="232003"/>
                    <a:pt x="11385" y="219268"/>
                  </a:cubicBezTo>
                  <a:cubicBezTo>
                    <a:pt x="3661" y="205867"/>
                    <a:pt x="-264" y="190608"/>
                    <a:pt x="32" y="175139"/>
                  </a:cubicBezTo>
                  <a:lnTo>
                    <a:pt x="32" y="3689"/>
                  </a:lnTo>
                  <a:cubicBezTo>
                    <a:pt x="-216" y="1917"/>
                    <a:pt x="1013" y="279"/>
                    <a:pt x="2784" y="32"/>
                  </a:cubicBezTo>
                  <a:cubicBezTo>
                    <a:pt x="3089" y="-7"/>
                    <a:pt x="3394" y="-7"/>
                    <a:pt x="3689" y="32"/>
                  </a:cubicBezTo>
                  <a:lnTo>
                    <a:pt x="31521" y="32"/>
                  </a:lnTo>
                  <a:cubicBezTo>
                    <a:pt x="33302" y="-216"/>
                    <a:pt x="34941" y="1022"/>
                    <a:pt x="35188" y="2803"/>
                  </a:cubicBezTo>
                  <a:cubicBezTo>
                    <a:pt x="35226" y="3099"/>
                    <a:pt x="35226" y="3394"/>
                    <a:pt x="35188" y="3689"/>
                  </a:cubicBezTo>
                  <a:lnTo>
                    <a:pt x="35188" y="175825"/>
                  </a:lnTo>
                  <a:cubicBezTo>
                    <a:pt x="34608" y="190217"/>
                    <a:pt x="40141" y="204190"/>
                    <a:pt x="50428" y="214277"/>
                  </a:cubicBezTo>
                  <a:cubicBezTo>
                    <a:pt x="61182" y="224279"/>
                    <a:pt x="75498" y="229556"/>
                    <a:pt x="90167" y="228927"/>
                  </a:cubicBezTo>
                  <a:cubicBezTo>
                    <a:pt x="104788" y="229574"/>
                    <a:pt x="119056" y="224288"/>
                    <a:pt x="129724" y="214277"/>
                  </a:cubicBezTo>
                  <a:cubicBezTo>
                    <a:pt x="139897" y="204124"/>
                    <a:pt x="145336" y="190179"/>
                    <a:pt x="144735" y="175825"/>
                  </a:cubicBezTo>
                  <a:lnTo>
                    <a:pt x="144735" y="3737"/>
                  </a:lnTo>
                  <a:cubicBezTo>
                    <a:pt x="144488" y="1956"/>
                    <a:pt x="145736" y="317"/>
                    <a:pt x="147517" y="79"/>
                  </a:cubicBezTo>
                  <a:cubicBezTo>
                    <a:pt x="147812" y="41"/>
                    <a:pt x="148107" y="41"/>
                    <a:pt x="148403" y="79"/>
                  </a:cubicBezTo>
                  <a:lnTo>
                    <a:pt x="176235" y="79"/>
                  </a:lnTo>
                  <a:cubicBezTo>
                    <a:pt x="178016" y="-168"/>
                    <a:pt x="179654" y="1070"/>
                    <a:pt x="179902" y="2851"/>
                  </a:cubicBezTo>
                  <a:cubicBezTo>
                    <a:pt x="179940" y="3146"/>
                    <a:pt x="179940" y="3441"/>
                    <a:pt x="179902" y="3737"/>
                  </a:cubicBezTo>
                  <a:lnTo>
                    <a:pt x="179902" y="175187"/>
                  </a:lnTo>
                  <a:cubicBezTo>
                    <a:pt x="180197" y="190627"/>
                    <a:pt x="176339" y="205876"/>
                    <a:pt x="168729" y="219316"/>
                  </a:cubicBezTo>
                  <a:cubicBezTo>
                    <a:pt x="161347" y="232070"/>
                    <a:pt x="150403" y="242386"/>
                    <a:pt x="137230" y="248986"/>
                  </a:cubicBezTo>
                  <a:cubicBezTo>
                    <a:pt x="107398" y="262893"/>
                    <a:pt x="72946" y="262893"/>
                    <a:pt x="43113" y="248986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8" name="Freeform 57">
              <a:extLst>
                <a:ext uri="{FF2B5EF4-FFF2-40B4-BE49-F238E27FC236}">
                  <a16:creationId xmlns:a16="http://schemas.microsoft.com/office/drawing/2014/main" id="{7C782F30-CF30-5E4A-8DFB-AFA54CF58916}"/>
                </a:ext>
              </a:extLst>
            </p:cNvPr>
            <p:cNvSpPr/>
            <p:nvPr/>
          </p:nvSpPr>
          <p:spPr bwMode="gray">
            <a:xfrm>
              <a:off x="3512921" y="2005948"/>
              <a:ext cx="178088" cy="256423"/>
            </a:xfrm>
            <a:custGeom>
              <a:avLst/>
              <a:gdLst>
                <a:gd name="connsiteX0" fmla="*/ 142139 w 178088"/>
                <a:gd name="connsiteY0" fmla="*/ 253829 h 256423"/>
                <a:gd name="connsiteX1" fmla="*/ 90866 w 178088"/>
                <a:gd name="connsiteY1" fmla="*/ 144292 h 256423"/>
                <a:gd name="connsiteX2" fmla="*/ 89399 w 178088"/>
                <a:gd name="connsiteY2" fmla="*/ 143196 h 256423"/>
                <a:gd name="connsiteX3" fmla="*/ 36659 w 178088"/>
                <a:gd name="connsiteY3" fmla="*/ 143196 h 256423"/>
                <a:gd name="connsiteX4" fmla="*/ 35202 w 178088"/>
                <a:gd name="connsiteY4" fmla="*/ 144282 h 256423"/>
                <a:gd name="connsiteX5" fmla="*/ 35202 w 178088"/>
                <a:gd name="connsiteY5" fmla="*/ 144654 h 256423"/>
                <a:gd name="connsiteX6" fmla="*/ 35202 w 178088"/>
                <a:gd name="connsiteY6" fmla="*/ 252696 h 256423"/>
                <a:gd name="connsiteX7" fmla="*/ 32459 w 178088"/>
                <a:gd name="connsiteY7" fmla="*/ 256363 h 256423"/>
                <a:gd name="connsiteX8" fmla="*/ 31535 w 178088"/>
                <a:gd name="connsiteY8" fmla="*/ 256363 h 256423"/>
                <a:gd name="connsiteX9" fmla="*/ 3703 w 178088"/>
                <a:gd name="connsiteY9" fmla="*/ 256363 h 256423"/>
                <a:gd name="connsiteX10" fmla="*/ 36 w 178088"/>
                <a:gd name="connsiteY10" fmla="*/ 253620 h 256423"/>
                <a:gd name="connsiteX11" fmla="*/ 36 w 178088"/>
                <a:gd name="connsiteY11" fmla="*/ 252696 h 256423"/>
                <a:gd name="connsiteX12" fmla="*/ 36 w 178088"/>
                <a:gd name="connsiteY12" fmla="*/ 3693 h 256423"/>
                <a:gd name="connsiteX13" fmla="*/ 2788 w 178088"/>
                <a:gd name="connsiteY13" fmla="*/ 36 h 256423"/>
                <a:gd name="connsiteX14" fmla="*/ 3703 w 178088"/>
                <a:gd name="connsiteY14" fmla="*/ 36 h 256423"/>
                <a:gd name="connsiteX15" fmla="*/ 102220 w 178088"/>
                <a:gd name="connsiteY15" fmla="*/ 36 h 256423"/>
                <a:gd name="connsiteX16" fmla="*/ 140853 w 178088"/>
                <a:gd name="connsiteY16" fmla="*/ 9189 h 256423"/>
                <a:gd name="connsiteX17" fmla="*/ 166676 w 178088"/>
                <a:gd name="connsiteY17" fmla="*/ 34821 h 256423"/>
                <a:gd name="connsiteX18" fmla="*/ 175829 w 178088"/>
                <a:gd name="connsiteY18" fmla="*/ 72921 h 256423"/>
                <a:gd name="connsiteX19" fmla="*/ 162494 w 178088"/>
                <a:gd name="connsiteY19" fmla="*/ 116326 h 256423"/>
                <a:gd name="connsiteX20" fmla="*/ 125347 w 178088"/>
                <a:gd name="connsiteY20" fmla="*/ 140310 h 256423"/>
                <a:gd name="connsiteX21" fmla="*/ 124623 w 178088"/>
                <a:gd name="connsiteY21" fmla="*/ 142149 h 256423"/>
                <a:gd name="connsiteX22" fmla="*/ 177725 w 178088"/>
                <a:gd name="connsiteY22" fmla="*/ 252020 h 256423"/>
                <a:gd name="connsiteX23" fmla="*/ 178087 w 178088"/>
                <a:gd name="connsiteY23" fmla="*/ 253839 h 256423"/>
                <a:gd name="connsiteX24" fmla="*/ 175162 w 178088"/>
                <a:gd name="connsiteY24" fmla="*/ 256411 h 256423"/>
                <a:gd name="connsiteX25" fmla="*/ 146225 w 178088"/>
                <a:gd name="connsiteY25" fmla="*/ 256411 h 256423"/>
                <a:gd name="connsiteX26" fmla="*/ 142139 w 178088"/>
                <a:gd name="connsiteY26" fmla="*/ 253829 h 256423"/>
                <a:gd name="connsiteX27" fmla="*/ 35202 w 178088"/>
                <a:gd name="connsiteY27" fmla="*/ 31897 h 256423"/>
                <a:gd name="connsiteX28" fmla="*/ 35202 w 178088"/>
                <a:gd name="connsiteY28" fmla="*/ 113974 h 256423"/>
                <a:gd name="connsiteX29" fmla="*/ 36288 w 178088"/>
                <a:gd name="connsiteY29" fmla="*/ 115431 h 256423"/>
                <a:gd name="connsiteX30" fmla="*/ 36659 w 178088"/>
                <a:gd name="connsiteY30" fmla="*/ 115431 h 256423"/>
                <a:gd name="connsiteX31" fmla="*/ 97819 w 178088"/>
                <a:gd name="connsiteY31" fmla="*/ 115431 h 256423"/>
                <a:gd name="connsiteX32" fmla="*/ 128957 w 178088"/>
                <a:gd name="connsiteY32" fmla="*/ 103896 h 256423"/>
                <a:gd name="connsiteX33" fmla="*/ 140672 w 178088"/>
                <a:gd name="connsiteY33" fmla="*/ 73321 h 256423"/>
                <a:gd name="connsiteX34" fmla="*/ 103087 w 178088"/>
                <a:gd name="connsiteY34" fmla="*/ 30459 h 256423"/>
                <a:gd name="connsiteX35" fmla="*/ 97810 w 178088"/>
                <a:gd name="connsiteY35" fmla="*/ 30459 h 256423"/>
                <a:gd name="connsiteX36" fmla="*/ 36650 w 178088"/>
                <a:gd name="connsiteY36" fmla="*/ 30459 h 256423"/>
                <a:gd name="connsiteX37" fmla="*/ 35202 w 178088"/>
                <a:gd name="connsiteY37" fmla="*/ 31563 h 256423"/>
                <a:gd name="connsiteX38" fmla="*/ 35202 w 178088"/>
                <a:gd name="connsiteY38" fmla="*/ 31887 h 2564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78088" h="256423">
                  <a:moveTo>
                    <a:pt x="142139" y="253829"/>
                  </a:moveTo>
                  <a:lnTo>
                    <a:pt x="90866" y="144292"/>
                  </a:lnTo>
                  <a:cubicBezTo>
                    <a:pt x="90704" y="143625"/>
                    <a:pt x="90085" y="143168"/>
                    <a:pt x="89399" y="143196"/>
                  </a:cubicBezTo>
                  <a:lnTo>
                    <a:pt x="36659" y="143196"/>
                  </a:lnTo>
                  <a:cubicBezTo>
                    <a:pt x="35954" y="143092"/>
                    <a:pt x="35307" y="143577"/>
                    <a:pt x="35202" y="144282"/>
                  </a:cubicBezTo>
                  <a:cubicBezTo>
                    <a:pt x="35183" y="144406"/>
                    <a:pt x="35183" y="144530"/>
                    <a:pt x="35202" y="144654"/>
                  </a:cubicBezTo>
                  <a:lnTo>
                    <a:pt x="35202" y="252696"/>
                  </a:lnTo>
                  <a:cubicBezTo>
                    <a:pt x="35459" y="254468"/>
                    <a:pt x="34230" y="256106"/>
                    <a:pt x="32459" y="256363"/>
                  </a:cubicBezTo>
                  <a:cubicBezTo>
                    <a:pt x="32154" y="256411"/>
                    <a:pt x="31840" y="256411"/>
                    <a:pt x="31535" y="256363"/>
                  </a:cubicBezTo>
                  <a:lnTo>
                    <a:pt x="3703" y="256363"/>
                  </a:lnTo>
                  <a:cubicBezTo>
                    <a:pt x="1931" y="256620"/>
                    <a:pt x="293" y="255391"/>
                    <a:pt x="36" y="253620"/>
                  </a:cubicBezTo>
                  <a:cubicBezTo>
                    <a:pt x="-12" y="253315"/>
                    <a:pt x="-12" y="253001"/>
                    <a:pt x="36" y="252696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02220" y="36"/>
                  </a:lnTo>
                  <a:cubicBezTo>
                    <a:pt x="115669" y="-250"/>
                    <a:pt x="128966" y="2903"/>
                    <a:pt x="140853" y="9189"/>
                  </a:cubicBezTo>
                  <a:cubicBezTo>
                    <a:pt x="151740" y="15076"/>
                    <a:pt x="160704" y="23972"/>
                    <a:pt x="166676" y="34821"/>
                  </a:cubicBezTo>
                  <a:cubicBezTo>
                    <a:pt x="172953" y="46518"/>
                    <a:pt x="176105" y="59643"/>
                    <a:pt x="175829" y="72921"/>
                  </a:cubicBezTo>
                  <a:cubicBezTo>
                    <a:pt x="176324" y="88466"/>
                    <a:pt x="171638" y="103734"/>
                    <a:pt x="162494" y="116326"/>
                  </a:cubicBezTo>
                  <a:cubicBezTo>
                    <a:pt x="153264" y="128376"/>
                    <a:pt x="140130" y="136853"/>
                    <a:pt x="125347" y="140310"/>
                  </a:cubicBezTo>
                  <a:cubicBezTo>
                    <a:pt x="124394" y="140806"/>
                    <a:pt x="124127" y="141406"/>
                    <a:pt x="124623" y="142149"/>
                  </a:cubicBezTo>
                  <a:lnTo>
                    <a:pt x="177725" y="252020"/>
                  </a:lnTo>
                  <a:cubicBezTo>
                    <a:pt x="177982" y="252591"/>
                    <a:pt x="178106" y="253210"/>
                    <a:pt x="178087" y="253839"/>
                  </a:cubicBezTo>
                  <a:cubicBezTo>
                    <a:pt x="178087" y="255553"/>
                    <a:pt x="177134" y="256411"/>
                    <a:pt x="175162" y="256411"/>
                  </a:cubicBezTo>
                  <a:lnTo>
                    <a:pt x="146225" y="256411"/>
                  </a:lnTo>
                  <a:cubicBezTo>
                    <a:pt x="144444" y="256554"/>
                    <a:pt x="142777" y="255506"/>
                    <a:pt x="142139" y="253829"/>
                  </a:cubicBezTo>
                  <a:close/>
                  <a:moveTo>
                    <a:pt x="35202" y="31897"/>
                  </a:moveTo>
                  <a:lnTo>
                    <a:pt x="35202" y="113974"/>
                  </a:lnTo>
                  <a:cubicBezTo>
                    <a:pt x="35097" y="114679"/>
                    <a:pt x="35583" y="115326"/>
                    <a:pt x="36288" y="115431"/>
                  </a:cubicBezTo>
                  <a:cubicBezTo>
                    <a:pt x="36412" y="115450"/>
                    <a:pt x="36536" y="115450"/>
                    <a:pt x="36659" y="115431"/>
                  </a:cubicBezTo>
                  <a:lnTo>
                    <a:pt x="97819" y="115431"/>
                  </a:lnTo>
                  <a:cubicBezTo>
                    <a:pt x="109335" y="115974"/>
                    <a:pt x="120575" y="111812"/>
                    <a:pt x="128957" y="103896"/>
                  </a:cubicBezTo>
                  <a:cubicBezTo>
                    <a:pt x="136938" y="95781"/>
                    <a:pt x="141187" y="84694"/>
                    <a:pt x="140672" y="73321"/>
                  </a:cubicBezTo>
                  <a:cubicBezTo>
                    <a:pt x="142130" y="51109"/>
                    <a:pt x="125299" y="31916"/>
                    <a:pt x="103087" y="30459"/>
                  </a:cubicBezTo>
                  <a:cubicBezTo>
                    <a:pt x="101334" y="30344"/>
                    <a:pt x="99572" y="30344"/>
                    <a:pt x="97810" y="30459"/>
                  </a:cubicBezTo>
                  <a:lnTo>
                    <a:pt x="36650" y="30459"/>
                  </a:lnTo>
                  <a:cubicBezTo>
                    <a:pt x="35945" y="30363"/>
                    <a:pt x="35297" y="30859"/>
                    <a:pt x="35202" y="31563"/>
                  </a:cubicBezTo>
                  <a:cubicBezTo>
                    <a:pt x="35193" y="31668"/>
                    <a:pt x="35193" y="31783"/>
                    <a:pt x="35202" y="3188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9" name="Freeform 58">
              <a:extLst>
                <a:ext uri="{FF2B5EF4-FFF2-40B4-BE49-F238E27FC236}">
                  <a16:creationId xmlns:a16="http://schemas.microsoft.com/office/drawing/2014/main" id="{D27B6748-B976-654E-9971-A549AA5F1B8C}"/>
                </a:ext>
              </a:extLst>
            </p:cNvPr>
            <p:cNvSpPr/>
            <p:nvPr/>
          </p:nvSpPr>
          <p:spPr bwMode="gray">
            <a:xfrm>
              <a:off x="3870381" y="2002971"/>
              <a:ext cx="178392" cy="262604"/>
            </a:xfrm>
            <a:custGeom>
              <a:avLst/>
              <a:gdLst>
                <a:gd name="connsiteX0" fmla="*/ 42692 w 178392"/>
                <a:gd name="connsiteY0" fmla="*/ 252206 h 262604"/>
                <a:gd name="connsiteX1" fmla="*/ 11193 w 178392"/>
                <a:gd name="connsiteY1" fmla="*/ 222535 h 262604"/>
                <a:gd name="connsiteX2" fmla="*/ 20 w 178392"/>
                <a:gd name="connsiteY2" fmla="*/ 178416 h 262604"/>
                <a:gd name="connsiteX3" fmla="*/ 20 w 178392"/>
                <a:gd name="connsiteY3" fmla="*/ 83613 h 262604"/>
                <a:gd name="connsiteX4" fmla="*/ 11193 w 178392"/>
                <a:gd name="connsiteY4" fmla="*/ 39798 h 262604"/>
                <a:gd name="connsiteX5" fmla="*/ 42692 w 178392"/>
                <a:gd name="connsiteY5" fmla="*/ 10499 h 262604"/>
                <a:gd name="connsiteX6" fmla="*/ 89364 w 178392"/>
                <a:gd name="connsiteY6" fmla="*/ 22 h 262604"/>
                <a:gd name="connsiteX7" fmla="*/ 135875 w 178392"/>
                <a:gd name="connsiteY7" fmla="*/ 10099 h 262604"/>
                <a:gd name="connsiteX8" fmla="*/ 167184 w 178392"/>
                <a:gd name="connsiteY8" fmla="*/ 38474 h 262604"/>
                <a:gd name="connsiteX9" fmla="*/ 178356 w 178392"/>
                <a:gd name="connsiteY9" fmla="*/ 80956 h 262604"/>
                <a:gd name="connsiteX10" fmla="*/ 178356 w 178392"/>
                <a:gd name="connsiteY10" fmla="*/ 81327 h 262604"/>
                <a:gd name="connsiteX11" fmla="*/ 177261 w 178392"/>
                <a:gd name="connsiteY11" fmla="*/ 84261 h 262604"/>
                <a:gd name="connsiteX12" fmla="*/ 174699 w 178392"/>
                <a:gd name="connsiteY12" fmla="*/ 85356 h 262604"/>
                <a:gd name="connsiteX13" fmla="*/ 146867 w 178392"/>
                <a:gd name="connsiteY13" fmla="*/ 86814 h 262604"/>
                <a:gd name="connsiteX14" fmla="*/ 143200 w 178392"/>
                <a:gd name="connsiteY14" fmla="*/ 83528 h 262604"/>
                <a:gd name="connsiteX15" fmla="*/ 143200 w 178392"/>
                <a:gd name="connsiteY15" fmla="*/ 82423 h 262604"/>
                <a:gd name="connsiteX16" fmla="*/ 128550 w 178392"/>
                <a:gd name="connsiteY16" fmla="*/ 44704 h 262604"/>
                <a:gd name="connsiteX17" fmla="*/ 89364 w 178392"/>
                <a:gd name="connsiteY17" fmla="*/ 30416 h 262604"/>
                <a:gd name="connsiteX18" fmla="*/ 49997 w 178392"/>
                <a:gd name="connsiteY18" fmla="*/ 44704 h 262604"/>
                <a:gd name="connsiteX19" fmla="*/ 35167 w 178392"/>
                <a:gd name="connsiteY19" fmla="*/ 82423 h 262604"/>
                <a:gd name="connsiteX20" fmla="*/ 35167 w 178392"/>
                <a:gd name="connsiteY20" fmla="*/ 179844 h 262604"/>
                <a:gd name="connsiteX21" fmla="*/ 49997 w 178392"/>
                <a:gd name="connsiteY21" fmla="*/ 217573 h 262604"/>
                <a:gd name="connsiteX22" fmla="*/ 89364 w 178392"/>
                <a:gd name="connsiteY22" fmla="*/ 231860 h 262604"/>
                <a:gd name="connsiteX23" fmla="*/ 128550 w 178392"/>
                <a:gd name="connsiteY23" fmla="*/ 217573 h 262604"/>
                <a:gd name="connsiteX24" fmla="*/ 143200 w 178392"/>
                <a:gd name="connsiteY24" fmla="*/ 179844 h 262604"/>
                <a:gd name="connsiteX25" fmla="*/ 143200 w 178392"/>
                <a:gd name="connsiteY25" fmla="*/ 179111 h 262604"/>
                <a:gd name="connsiteX26" fmla="*/ 146867 w 178392"/>
                <a:gd name="connsiteY26" fmla="*/ 175815 h 262604"/>
                <a:gd name="connsiteX27" fmla="*/ 174699 w 178392"/>
                <a:gd name="connsiteY27" fmla="*/ 177273 h 262604"/>
                <a:gd name="connsiteX28" fmla="*/ 178356 w 178392"/>
                <a:gd name="connsiteY28" fmla="*/ 180025 h 262604"/>
                <a:gd name="connsiteX29" fmla="*/ 178356 w 178392"/>
                <a:gd name="connsiteY29" fmla="*/ 180940 h 262604"/>
                <a:gd name="connsiteX30" fmla="*/ 167184 w 178392"/>
                <a:gd name="connsiteY30" fmla="*/ 223612 h 262604"/>
                <a:gd name="connsiteX31" fmla="*/ 135875 w 178392"/>
                <a:gd name="connsiteY31" fmla="*/ 252358 h 262604"/>
                <a:gd name="connsiteX32" fmla="*/ 42673 w 178392"/>
                <a:gd name="connsiteY32" fmla="*/ 252177 h 2626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78392" h="262604">
                  <a:moveTo>
                    <a:pt x="42692" y="252206"/>
                  </a:moveTo>
                  <a:cubicBezTo>
                    <a:pt x="29519" y="245605"/>
                    <a:pt x="18565" y="235289"/>
                    <a:pt x="11193" y="222535"/>
                  </a:cubicBezTo>
                  <a:cubicBezTo>
                    <a:pt x="3582" y="209096"/>
                    <a:pt x="-275" y="193856"/>
                    <a:pt x="20" y="178416"/>
                  </a:cubicBezTo>
                  <a:lnTo>
                    <a:pt x="20" y="83613"/>
                  </a:lnTo>
                  <a:cubicBezTo>
                    <a:pt x="-313" y="68259"/>
                    <a:pt x="3544" y="53114"/>
                    <a:pt x="11193" y="39798"/>
                  </a:cubicBezTo>
                  <a:cubicBezTo>
                    <a:pt x="18651" y="27206"/>
                    <a:pt x="29595" y="17034"/>
                    <a:pt x="42692" y="10499"/>
                  </a:cubicBezTo>
                  <a:cubicBezTo>
                    <a:pt x="57179" y="3308"/>
                    <a:pt x="73191" y="-283"/>
                    <a:pt x="89364" y="22"/>
                  </a:cubicBezTo>
                  <a:cubicBezTo>
                    <a:pt x="105443" y="-311"/>
                    <a:pt x="121378" y="3146"/>
                    <a:pt x="135875" y="10099"/>
                  </a:cubicBezTo>
                  <a:cubicBezTo>
                    <a:pt x="148810" y="16367"/>
                    <a:pt x="159678" y="26216"/>
                    <a:pt x="167184" y="38474"/>
                  </a:cubicBezTo>
                  <a:cubicBezTo>
                    <a:pt x="174803" y="51314"/>
                    <a:pt x="178671" y="66030"/>
                    <a:pt x="178356" y="80956"/>
                  </a:cubicBezTo>
                  <a:lnTo>
                    <a:pt x="178356" y="81327"/>
                  </a:lnTo>
                  <a:cubicBezTo>
                    <a:pt x="178414" y="82413"/>
                    <a:pt x="178013" y="83471"/>
                    <a:pt x="177261" y="84261"/>
                  </a:cubicBezTo>
                  <a:cubicBezTo>
                    <a:pt x="176594" y="84966"/>
                    <a:pt x="175670" y="85356"/>
                    <a:pt x="174699" y="85356"/>
                  </a:cubicBezTo>
                  <a:lnTo>
                    <a:pt x="146867" y="86814"/>
                  </a:lnTo>
                  <a:cubicBezTo>
                    <a:pt x="144419" y="86814"/>
                    <a:pt x="143190" y="85718"/>
                    <a:pt x="143200" y="83528"/>
                  </a:cubicBezTo>
                  <a:lnTo>
                    <a:pt x="143200" y="82423"/>
                  </a:lnTo>
                  <a:cubicBezTo>
                    <a:pt x="143809" y="68354"/>
                    <a:pt x="138494" y="54676"/>
                    <a:pt x="128550" y="44704"/>
                  </a:cubicBezTo>
                  <a:cubicBezTo>
                    <a:pt x="117949" y="34855"/>
                    <a:pt x="103814" y="29711"/>
                    <a:pt x="89364" y="30416"/>
                  </a:cubicBezTo>
                  <a:cubicBezTo>
                    <a:pt x="74858" y="29721"/>
                    <a:pt x="60685" y="34864"/>
                    <a:pt x="49997" y="44704"/>
                  </a:cubicBezTo>
                  <a:cubicBezTo>
                    <a:pt x="39949" y="54619"/>
                    <a:pt x="34557" y="68316"/>
                    <a:pt x="35167" y="82423"/>
                  </a:cubicBezTo>
                  <a:lnTo>
                    <a:pt x="35167" y="179844"/>
                  </a:lnTo>
                  <a:cubicBezTo>
                    <a:pt x="34557" y="193951"/>
                    <a:pt x="39949" y="207657"/>
                    <a:pt x="49997" y="217573"/>
                  </a:cubicBezTo>
                  <a:cubicBezTo>
                    <a:pt x="60685" y="227403"/>
                    <a:pt x="74858" y="232546"/>
                    <a:pt x="89364" y="231860"/>
                  </a:cubicBezTo>
                  <a:cubicBezTo>
                    <a:pt x="103814" y="232565"/>
                    <a:pt x="117939" y="227412"/>
                    <a:pt x="128550" y="217573"/>
                  </a:cubicBezTo>
                  <a:cubicBezTo>
                    <a:pt x="138494" y="207600"/>
                    <a:pt x="143809" y="193913"/>
                    <a:pt x="143200" y="179844"/>
                  </a:cubicBezTo>
                  <a:lnTo>
                    <a:pt x="143200" y="179111"/>
                  </a:lnTo>
                  <a:cubicBezTo>
                    <a:pt x="143200" y="176911"/>
                    <a:pt x="144419" y="175815"/>
                    <a:pt x="146867" y="175815"/>
                  </a:cubicBezTo>
                  <a:lnTo>
                    <a:pt x="174699" y="177273"/>
                  </a:lnTo>
                  <a:cubicBezTo>
                    <a:pt x="176470" y="177025"/>
                    <a:pt x="178109" y="178254"/>
                    <a:pt x="178356" y="180025"/>
                  </a:cubicBezTo>
                  <a:cubicBezTo>
                    <a:pt x="178404" y="180330"/>
                    <a:pt x="178404" y="180635"/>
                    <a:pt x="178356" y="180940"/>
                  </a:cubicBezTo>
                  <a:cubicBezTo>
                    <a:pt x="178661" y="195923"/>
                    <a:pt x="174794" y="210696"/>
                    <a:pt x="167184" y="223612"/>
                  </a:cubicBezTo>
                  <a:cubicBezTo>
                    <a:pt x="159697" y="235975"/>
                    <a:pt x="148829" y="245948"/>
                    <a:pt x="135875" y="252358"/>
                  </a:cubicBezTo>
                  <a:cubicBezTo>
                    <a:pt x="106309" y="266084"/>
                    <a:pt x="72181" y="266017"/>
                    <a:pt x="42673" y="25217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0" name="Freeform 59">
              <a:extLst>
                <a:ext uri="{FF2B5EF4-FFF2-40B4-BE49-F238E27FC236}">
                  <a16:creationId xmlns:a16="http://schemas.microsoft.com/office/drawing/2014/main" id="{FCCE4003-395B-234F-AE51-A8BCFDA5D3F0}"/>
                </a:ext>
              </a:extLst>
            </p:cNvPr>
            <p:cNvSpPr/>
            <p:nvPr/>
          </p:nvSpPr>
          <p:spPr bwMode="gray">
            <a:xfrm>
              <a:off x="4098180" y="2005961"/>
              <a:ext cx="189639" cy="256067"/>
            </a:xfrm>
            <a:custGeom>
              <a:avLst/>
              <a:gdLst>
                <a:gd name="connsiteX0" fmla="*/ 76926 w 189639"/>
                <a:gd name="connsiteY0" fmla="*/ 252359 h 256067"/>
                <a:gd name="connsiteX1" fmla="*/ 76926 w 189639"/>
                <a:gd name="connsiteY1" fmla="*/ 149441 h 256067"/>
                <a:gd name="connsiteX2" fmla="*/ 76564 w 189639"/>
                <a:gd name="connsiteY2" fmla="*/ 147612 h 256067"/>
                <a:gd name="connsiteX3" fmla="*/ 364 w 189639"/>
                <a:gd name="connsiteY3" fmla="*/ 4423 h 256067"/>
                <a:gd name="connsiteX4" fmla="*/ 2 w 189639"/>
                <a:gd name="connsiteY4" fmla="*/ 2585 h 256067"/>
                <a:gd name="connsiteX5" fmla="*/ 2926 w 189639"/>
                <a:gd name="connsiteY5" fmla="*/ 23 h 256067"/>
                <a:gd name="connsiteX6" fmla="*/ 32958 w 189639"/>
                <a:gd name="connsiteY6" fmla="*/ 23 h 256067"/>
                <a:gd name="connsiteX7" fmla="*/ 37359 w 189639"/>
                <a:gd name="connsiteY7" fmla="*/ 2585 h 256067"/>
                <a:gd name="connsiteX8" fmla="*/ 93385 w 189639"/>
                <a:gd name="connsiteY8" fmla="*/ 109894 h 256067"/>
                <a:gd name="connsiteX9" fmla="*/ 94937 w 189639"/>
                <a:gd name="connsiteY9" fmla="*/ 110541 h 256067"/>
                <a:gd name="connsiteX10" fmla="*/ 95585 w 189639"/>
                <a:gd name="connsiteY10" fmla="*/ 109894 h 256067"/>
                <a:gd name="connsiteX11" fmla="*/ 151687 w 189639"/>
                <a:gd name="connsiteY11" fmla="*/ 2585 h 256067"/>
                <a:gd name="connsiteX12" fmla="*/ 156088 w 189639"/>
                <a:gd name="connsiteY12" fmla="*/ 23 h 256067"/>
                <a:gd name="connsiteX13" fmla="*/ 186482 w 189639"/>
                <a:gd name="connsiteY13" fmla="*/ 23 h 256067"/>
                <a:gd name="connsiteX14" fmla="*/ 189226 w 189639"/>
                <a:gd name="connsiteY14" fmla="*/ 1299 h 256067"/>
                <a:gd name="connsiteX15" fmla="*/ 189044 w 189639"/>
                <a:gd name="connsiteY15" fmla="*/ 4423 h 256067"/>
                <a:gd name="connsiteX16" fmla="*/ 112501 w 189639"/>
                <a:gd name="connsiteY16" fmla="*/ 147612 h 256067"/>
                <a:gd name="connsiteX17" fmla="*/ 112140 w 189639"/>
                <a:gd name="connsiteY17" fmla="*/ 149441 h 256067"/>
                <a:gd name="connsiteX18" fmla="*/ 112140 w 189639"/>
                <a:gd name="connsiteY18" fmla="*/ 252359 h 256067"/>
                <a:gd name="connsiteX19" fmla="*/ 109396 w 189639"/>
                <a:gd name="connsiteY19" fmla="*/ 256026 h 256067"/>
                <a:gd name="connsiteX20" fmla="*/ 108473 w 189639"/>
                <a:gd name="connsiteY20" fmla="*/ 256026 h 256067"/>
                <a:gd name="connsiteX21" fmla="*/ 80640 w 189639"/>
                <a:gd name="connsiteY21" fmla="*/ 256026 h 256067"/>
                <a:gd name="connsiteX22" fmla="*/ 76935 w 189639"/>
                <a:gd name="connsiteY22" fmla="*/ 253340 h 256067"/>
                <a:gd name="connsiteX23" fmla="*/ 76926 w 189639"/>
                <a:gd name="connsiteY23" fmla="*/ 252359 h 256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9639" h="256067">
                  <a:moveTo>
                    <a:pt x="76926" y="252359"/>
                  </a:moveTo>
                  <a:lnTo>
                    <a:pt x="76926" y="149441"/>
                  </a:lnTo>
                  <a:cubicBezTo>
                    <a:pt x="77002" y="148813"/>
                    <a:pt x="76878" y="148165"/>
                    <a:pt x="76564" y="147612"/>
                  </a:cubicBezTo>
                  <a:lnTo>
                    <a:pt x="364" y="4423"/>
                  </a:lnTo>
                  <a:cubicBezTo>
                    <a:pt x="107" y="3842"/>
                    <a:pt x="-17" y="3214"/>
                    <a:pt x="2" y="2585"/>
                  </a:cubicBezTo>
                  <a:cubicBezTo>
                    <a:pt x="2" y="880"/>
                    <a:pt x="954" y="23"/>
                    <a:pt x="2926" y="23"/>
                  </a:cubicBezTo>
                  <a:lnTo>
                    <a:pt x="32958" y="23"/>
                  </a:lnTo>
                  <a:cubicBezTo>
                    <a:pt x="34825" y="-168"/>
                    <a:pt x="36606" y="861"/>
                    <a:pt x="37359" y="2585"/>
                  </a:cubicBezTo>
                  <a:lnTo>
                    <a:pt x="93385" y="109894"/>
                  </a:lnTo>
                  <a:cubicBezTo>
                    <a:pt x="93633" y="110503"/>
                    <a:pt x="94337" y="110789"/>
                    <a:pt x="94937" y="110541"/>
                  </a:cubicBezTo>
                  <a:cubicBezTo>
                    <a:pt x="95233" y="110417"/>
                    <a:pt x="95461" y="110189"/>
                    <a:pt x="95585" y="109894"/>
                  </a:cubicBezTo>
                  <a:lnTo>
                    <a:pt x="151687" y="2585"/>
                  </a:lnTo>
                  <a:cubicBezTo>
                    <a:pt x="152440" y="861"/>
                    <a:pt x="154221" y="-168"/>
                    <a:pt x="156088" y="23"/>
                  </a:cubicBezTo>
                  <a:lnTo>
                    <a:pt x="186482" y="23"/>
                  </a:lnTo>
                  <a:cubicBezTo>
                    <a:pt x="187559" y="-44"/>
                    <a:pt x="188587" y="432"/>
                    <a:pt x="189226" y="1299"/>
                  </a:cubicBezTo>
                  <a:cubicBezTo>
                    <a:pt x="189835" y="2270"/>
                    <a:pt x="189768" y="3528"/>
                    <a:pt x="189044" y="4423"/>
                  </a:cubicBezTo>
                  <a:lnTo>
                    <a:pt x="112501" y="147612"/>
                  </a:lnTo>
                  <a:cubicBezTo>
                    <a:pt x="112187" y="148165"/>
                    <a:pt x="112054" y="148813"/>
                    <a:pt x="112140" y="149441"/>
                  </a:cubicBezTo>
                  <a:lnTo>
                    <a:pt x="112140" y="252359"/>
                  </a:lnTo>
                  <a:cubicBezTo>
                    <a:pt x="112397" y="254131"/>
                    <a:pt x="111168" y="255769"/>
                    <a:pt x="109396" y="256026"/>
                  </a:cubicBezTo>
                  <a:cubicBezTo>
                    <a:pt x="109092" y="256074"/>
                    <a:pt x="108777" y="256074"/>
                    <a:pt x="108473" y="256026"/>
                  </a:cubicBezTo>
                  <a:lnTo>
                    <a:pt x="80640" y="256026"/>
                  </a:lnTo>
                  <a:cubicBezTo>
                    <a:pt x="78878" y="256312"/>
                    <a:pt x="77211" y="255102"/>
                    <a:pt x="76935" y="253340"/>
                  </a:cubicBezTo>
                  <a:cubicBezTo>
                    <a:pt x="76878" y="253016"/>
                    <a:pt x="76878" y="252683"/>
                    <a:pt x="76926" y="25235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1" name="Freeform 60">
              <a:extLst>
                <a:ext uri="{FF2B5EF4-FFF2-40B4-BE49-F238E27FC236}">
                  <a16:creationId xmlns:a16="http://schemas.microsoft.com/office/drawing/2014/main" id="{E0374484-9A01-1749-9DF6-76C8874F8B55}"/>
                </a:ext>
              </a:extLst>
            </p:cNvPr>
            <p:cNvSpPr/>
            <p:nvPr/>
          </p:nvSpPr>
          <p:spPr bwMode="gray">
            <a:xfrm>
              <a:off x="4348292" y="2005810"/>
              <a:ext cx="175630" cy="256632"/>
            </a:xfrm>
            <a:custGeom>
              <a:avLst/>
              <a:gdLst>
                <a:gd name="connsiteX0" fmla="*/ 136643 w 175630"/>
                <a:gd name="connsiteY0" fmla="*/ 125056 h 256632"/>
                <a:gd name="connsiteX1" fmla="*/ 175467 w 175630"/>
                <a:gd name="connsiteY1" fmla="*/ 186216 h 256632"/>
                <a:gd name="connsiteX2" fmla="*/ 153131 w 175630"/>
                <a:gd name="connsiteY2" fmla="*/ 238223 h 256632"/>
                <a:gd name="connsiteX3" fmla="*/ 94895 w 175630"/>
                <a:gd name="connsiteY3" fmla="*/ 256540 h 256632"/>
                <a:gd name="connsiteX4" fmla="*/ 3703 w 175630"/>
                <a:gd name="connsiteY4" fmla="*/ 256540 h 256632"/>
                <a:gd name="connsiteX5" fmla="*/ 36 w 175630"/>
                <a:gd name="connsiteY5" fmla="*/ 253796 h 256632"/>
                <a:gd name="connsiteX6" fmla="*/ 36 w 175630"/>
                <a:gd name="connsiteY6" fmla="*/ 252872 h 256632"/>
                <a:gd name="connsiteX7" fmla="*/ 36 w 175630"/>
                <a:gd name="connsiteY7" fmla="*/ 3832 h 256632"/>
                <a:gd name="connsiteX8" fmla="*/ 2788 w 175630"/>
                <a:gd name="connsiteY8" fmla="*/ 174 h 256632"/>
                <a:gd name="connsiteX9" fmla="*/ 3703 w 175630"/>
                <a:gd name="connsiteY9" fmla="*/ 174 h 256632"/>
                <a:gd name="connsiteX10" fmla="*/ 91962 w 175630"/>
                <a:gd name="connsiteY10" fmla="*/ 174 h 256632"/>
                <a:gd name="connsiteX11" fmla="*/ 151112 w 175630"/>
                <a:gd name="connsiteY11" fmla="*/ 17567 h 256632"/>
                <a:gd name="connsiteX12" fmla="*/ 172171 w 175630"/>
                <a:gd name="connsiteY12" fmla="*/ 68287 h 256632"/>
                <a:gd name="connsiteX13" fmla="*/ 136643 w 175630"/>
                <a:gd name="connsiteY13" fmla="*/ 122866 h 256632"/>
                <a:gd name="connsiteX14" fmla="*/ 136643 w 175630"/>
                <a:gd name="connsiteY14" fmla="*/ 125056 h 256632"/>
                <a:gd name="connsiteX15" fmla="*/ 35202 w 175630"/>
                <a:gd name="connsiteY15" fmla="*/ 32026 h 256632"/>
                <a:gd name="connsiteX16" fmla="*/ 35202 w 175630"/>
                <a:gd name="connsiteY16" fmla="*/ 109350 h 256632"/>
                <a:gd name="connsiteX17" fmla="*/ 36297 w 175630"/>
                <a:gd name="connsiteY17" fmla="*/ 110816 h 256632"/>
                <a:gd name="connsiteX18" fmla="*/ 36669 w 175630"/>
                <a:gd name="connsiteY18" fmla="*/ 110816 h 256632"/>
                <a:gd name="connsiteX19" fmla="*/ 91962 w 175630"/>
                <a:gd name="connsiteY19" fmla="*/ 110816 h 256632"/>
                <a:gd name="connsiteX20" fmla="*/ 125480 w 175630"/>
                <a:gd name="connsiteY20" fmla="*/ 100196 h 256632"/>
                <a:gd name="connsiteX21" fmla="*/ 137739 w 175630"/>
                <a:gd name="connsiteY21" fmla="*/ 71259 h 256632"/>
                <a:gd name="connsiteX22" fmla="*/ 125480 w 175630"/>
                <a:gd name="connsiteY22" fmla="*/ 41589 h 256632"/>
                <a:gd name="connsiteX23" fmla="*/ 91962 w 175630"/>
                <a:gd name="connsiteY23" fmla="*/ 30606 h 256632"/>
                <a:gd name="connsiteX24" fmla="*/ 36669 w 175630"/>
                <a:gd name="connsiteY24" fmla="*/ 30606 h 256632"/>
                <a:gd name="connsiteX25" fmla="*/ 35212 w 175630"/>
                <a:gd name="connsiteY25" fmla="*/ 31711 h 256632"/>
                <a:gd name="connsiteX26" fmla="*/ 35202 w 175630"/>
                <a:gd name="connsiteY26" fmla="*/ 32026 h 256632"/>
                <a:gd name="connsiteX27" fmla="*/ 128042 w 175630"/>
                <a:gd name="connsiteY27" fmla="*/ 214229 h 256632"/>
                <a:gd name="connsiteX28" fmla="*/ 127852 w 175630"/>
                <a:gd name="connsiteY28" fmla="*/ 151612 h 256632"/>
                <a:gd name="connsiteX29" fmla="*/ 93800 w 175630"/>
                <a:gd name="connsiteY29" fmla="*/ 140068 h 256632"/>
                <a:gd name="connsiteX30" fmla="*/ 36650 w 175630"/>
                <a:gd name="connsiteY30" fmla="*/ 140068 h 256632"/>
                <a:gd name="connsiteX31" fmla="*/ 35183 w 175630"/>
                <a:gd name="connsiteY31" fmla="*/ 141163 h 256632"/>
                <a:gd name="connsiteX32" fmla="*/ 35183 w 175630"/>
                <a:gd name="connsiteY32" fmla="*/ 141535 h 256632"/>
                <a:gd name="connsiteX33" fmla="*/ 35183 w 175630"/>
                <a:gd name="connsiteY33" fmla="*/ 224307 h 256632"/>
                <a:gd name="connsiteX34" fmla="*/ 36278 w 175630"/>
                <a:gd name="connsiteY34" fmla="*/ 225774 h 256632"/>
                <a:gd name="connsiteX35" fmla="*/ 36650 w 175630"/>
                <a:gd name="connsiteY35" fmla="*/ 225774 h 256632"/>
                <a:gd name="connsiteX36" fmla="*/ 94933 w 175630"/>
                <a:gd name="connsiteY36" fmla="*/ 225774 h 256632"/>
                <a:gd name="connsiteX37" fmla="*/ 128042 w 175630"/>
                <a:gd name="connsiteY37" fmla="*/ 214229 h 2566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175630" h="256632">
                  <a:moveTo>
                    <a:pt x="136643" y="125056"/>
                  </a:moveTo>
                  <a:cubicBezTo>
                    <a:pt x="161656" y="134658"/>
                    <a:pt x="177420" y="159499"/>
                    <a:pt x="175467" y="186216"/>
                  </a:cubicBezTo>
                  <a:cubicBezTo>
                    <a:pt x="176601" y="206095"/>
                    <a:pt x="168323" y="225355"/>
                    <a:pt x="153131" y="238223"/>
                  </a:cubicBezTo>
                  <a:cubicBezTo>
                    <a:pt x="136491" y="251005"/>
                    <a:pt x="115860" y="257501"/>
                    <a:pt x="94895" y="256540"/>
                  </a:cubicBezTo>
                  <a:lnTo>
                    <a:pt x="3703" y="256540"/>
                  </a:lnTo>
                  <a:cubicBezTo>
                    <a:pt x="1931" y="256796"/>
                    <a:pt x="293" y="255568"/>
                    <a:pt x="36" y="253796"/>
                  </a:cubicBezTo>
                  <a:cubicBezTo>
                    <a:pt x="-12" y="253491"/>
                    <a:pt x="-12" y="253177"/>
                    <a:pt x="36" y="252872"/>
                  </a:cubicBezTo>
                  <a:lnTo>
                    <a:pt x="36" y="3832"/>
                  </a:lnTo>
                  <a:cubicBezTo>
                    <a:pt x="-212" y="2060"/>
                    <a:pt x="1017" y="422"/>
                    <a:pt x="2788" y="174"/>
                  </a:cubicBezTo>
                  <a:cubicBezTo>
                    <a:pt x="3093" y="126"/>
                    <a:pt x="3398" y="126"/>
                    <a:pt x="3703" y="174"/>
                  </a:cubicBezTo>
                  <a:lnTo>
                    <a:pt x="91962" y="174"/>
                  </a:lnTo>
                  <a:cubicBezTo>
                    <a:pt x="113107" y="-1140"/>
                    <a:pt x="134043" y="5022"/>
                    <a:pt x="151112" y="17567"/>
                  </a:cubicBezTo>
                  <a:cubicBezTo>
                    <a:pt x="165647" y="30273"/>
                    <a:pt x="173429" y="49028"/>
                    <a:pt x="172171" y="68287"/>
                  </a:cubicBezTo>
                  <a:cubicBezTo>
                    <a:pt x="173696" y="92328"/>
                    <a:pt x="159246" y="114522"/>
                    <a:pt x="136643" y="122866"/>
                  </a:cubicBezTo>
                  <a:cubicBezTo>
                    <a:pt x="135424" y="123637"/>
                    <a:pt x="135424" y="124323"/>
                    <a:pt x="136643" y="125056"/>
                  </a:cubicBezTo>
                  <a:close/>
                  <a:moveTo>
                    <a:pt x="35202" y="32026"/>
                  </a:moveTo>
                  <a:lnTo>
                    <a:pt x="35202" y="109350"/>
                  </a:lnTo>
                  <a:cubicBezTo>
                    <a:pt x="35097" y="110054"/>
                    <a:pt x="35593" y="110712"/>
                    <a:pt x="36297" y="110816"/>
                  </a:cubicBezTo>
                  <a:cubicBezTo>
                    <a:pt x="36421" y="110835"/>
                    <a:pt x="36545" y="110835"/>
                    <a:pt x="36669" y="110816"/>
                  </a:cubicBezTo>
                  <a:lnTo>
                    <a:pt x="91962" y="110816"/>
                  </a:lnTo>
                  <a:cubicBezTo>
                    <a:pt x="104058" y="111493"/>
                    <a:pt x="115984" y="107721"/>
                    <a:pt x="125480" y="100196"/>
                  </a:cubicBezTo>
                  <a:cubicBezTo>
                    <a:pt x="133748" y="92909"/>
                    <a:pt x="138253" y="82270"/>
                    <a:pt x="137739" y="71259"/>
                  </a:cubicBezTo>
                  <a:cubicBezTo>
                    <a:pt x="138253" y="60039"/>
                    <a:pt x="133767" y="49171"/>
                    <a:pt x="125480" y="41589"/>
                  </a:cubicBezTo>
                  <a:cubicBezTo>
                    <a:pt x="116079" y="33854"/>
                    <a:pt x="104115" y="29930"/>
                    <a:pt x="91962" y="30606"/>
                  </a:cubicBezTo>
                  <a:lnTo>
                    <a:pt x="36669" y="30606"/>
                  </a:lnTo>
                  <a:cubicBezTo>
                    <a:pt x="35964" y="30511"/>
                    <a:pt x="35307" y="31006"/>
                    <a:pt x="35212" y="31711"/>
                  </a:cubicBezTo>
                  <a:cubicBezTo>
                    <a:pt x="35193" y="31816"/>
                    <a:pt x="35193" y="31921"/>
                    <a:pt x="35202" y="32026"/>
                  </a:cubicBezTo>
                  <a:close/>
                  <a:moveTo>
                    <a:pt x="128042" y="214229"/>
                  </a:moveTo>
                  <a:cubicBezTo>
                    <a:pt x="144473" y="196561"/>
                    <a:pt x="144387" y="169176"/>
                    <a:pt x="127852" y="151612"/>
                  </a:cubicBezTo>
                  <a:cubicBezTo>
                    <a:pt x="118422" y="143506"/>
                    <a:pt x="106220" y="139372"/>
                    <a:pt x="93800" y="140068"/>
                  </a:cubicBezTo>
                  <a:lnTo>
                    <a:pt x="36650" y="140068"/>
                  </a:lnTo>
                  <a:cubicBezTo>
                    <a:pt x="35945" y="139963"/>
                    <a:pt x="35288" y="140458"/>
                    <a:pt x="35183" y="141163"/>
                  </a:cubicBezTo>
                  <a:cubicBezTo>
                    <a:pt x="35164" y="141287"/>
                    <a:pt x="35164" y="141411"/>
                    <a:pt x="35183" y="141535"/>
                  </a:cubicBezTo>
                  <a:lnTo>
                    <a:pt x="35183" y="224307"/>
                  </a:lnTo>
                  <a:cubicBezTo>
                    <a:pt x="35078" y="225012"/>
                    <a:pt x="35573" y="225669"/>
                    <a:pt x="36278" y="225774"/>
                  </a:cubicBezTo>
                  <a:cubicBezTo>
                    <a:pt x="36402" y="225793"/>
                    <a:pt x="36526" y="225793"/>
                    <a:pt x="36650" y="225774"/>
                  </a:cubicBezTo>
                  <a:lnTo>
                    <a:pt x="94933" y="225774"/>
                  </a:lnTo>
                  <a:cubicBezTo>
                    <a:pt x="107059" y="226402"/>
                    <a:pt x="118936" y="222259"/>
                    <a:pt x="128042" y="21422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2" name="Freeform 61">
              <a:extLst>
                <a:ext uri="{FF2B5EF4-FFF2-40B4-BE49-F238E27FC236}">
                  <a16:creationId xmlns:a16="http://schemas.microsoft.com/office/drawing/2014/main" id="{198101B4-72C7-F841-9A4D-1DE767FD8A39}"/>
                </a:ext>
              </a:extLst>
            </p:cNvPr>
            <p:cNvSpPr/>
            <p:nvPr/>
          </p:nvSpPr>
          <p:spPr bwMode="gray">
            <a:xfrm>
              <a:off x="4610153" y="2005948"/>
              <a:ext cx="170368" cy="256435"/>
            </a:xfrm>
            <a:custGeom>
              <a:avLst/>
              <a:gdLst>
                <a:gd name="connsiteX0" fmla="*/ 166676 w 170368"/>
                <a:gd name="connsiteY0" fmla="*/ 30430 h 256435"/>
                <a:gd name="connsiteX1" fmla="*/ 36659 w 170368"/>
                <a:gd name="connsiteY1" fmla="*/ 30430 h 256435"/>
                <a:gd name="connsiteX2" fmla="*/ 35202 w 170368"/>
                <a:gd name="connsiteY2" fmla="*/ 31516 h 256435"/>
                <a:gd name="connsiteX3" fmla="*/ 35202 w 170368"/>
                <a:gd name="connsiteY3" fmla="*/ 31887 h 256435"/>
                <a:gd name="connsiteX4" fmla="*/ 35202 w 170368"/>
                <a:gd name="connsiteY4" fmla="*/ 110640 h 256435"/>
                <a:gd name="connsiteX5" fmla="*/ 36269 w 170368"/>
                <a:gd name="connsiteY5" fmla="*/ 112097 h 256435"/>
                <a:gd name="connsiteX6" fmla="*/ 36659 w 170368"/>
                <a:gd name="connsiteY6" fmla="*/ 112097 h 256435"/>
                <a:gd name="connsiteX7" fmla="*/ 126023 w 170368"/>
                <a:gd name="connsiteY7" fmla="*/ 112097 h 256435"/>
                <a:gd name="connsiteX8" fmla="*/ 129680 w 170368"/>
                <a:gd name="connsiteY8" fmla="*/ 114850 h 256435"/>
                <a:gd name="connsiteX9" fmla="*/ 129680 w 170368"/>
                <a:gd name="connsiteY9" fmla="*/ 115764 h 256435"/>
                <a:gd name="connsiteX10" fmla="*/ 129680 w 170368"/>
                <a:gd name="connsiteY10" fmla="*/ 138834 h 256435"/>
                <a:gd name="connsiteX11" fmla="*/ 126937 w 170368"/>
                <a:gd name="connsiteY11" fmla="*/ 142501 h 256435"/>
                <a:gd name="connsiteX12" fmla="*/ 126023 w 170368"/>
                <a:gd name="connsiteY12" fmla="*/ 142501 h 256435"/>
                <a:gd name="connsiteX13" fmla="*/ 36659 w 170368"/>
                <a:gd name="connsiteY13" fmla="*/ 142501 h 256435"/>
                <a:gd name="connsiteX14" fmla="*/ 35202 w 170368"/>
                <a:gd name="connsiteY14" fmla="*/ 143587 h 256435"/>
                <a:gd name="connsiteX15" fmla="*/ 35202 w 170368"/>
                <a:gd name="connsiteY15" fmla="*/ 143968 h 256435"/>
                <a:gd name="connsiteX16" fmla="*/ 35202 w 170368"/>
                <a:gd name="connsiteY16" fmla="*/ 224540 h 256435"/>
                <a:gd name="connsiteX17" fmla="*/ 36269 w 170368"/>
                <a:gd name="connsiteY17" fmla="*/ 225997 h 256435"/>
                <a:gd name="connsiteX18" fmla="*/ 36659 w 170368"/>
                <a:gd name="connsiteY18" fmla="*/ 225997 h 256435"/>
                <a:gd name="connsiteX19" fmla="*/ 166676 w 170368"/>
                <a:gd name="connsiteY19" fmla="*/ 225997 h 256435"/>
                <a:gd name="connsiteX20" fmla="*/ 170333 w 170368"/>
                <a:gd name="connsiteY20" fmla="*/ 228750 h 256435"/>
                <a:gd name="connsiteX21" fmla="*/ 170333 w 170368"/>
                <a:gd name="connsiteY21" fmla="*/ 229664 h 256435"/>
                <a:gd name="connsiteX22" fmla="*/ 170333 w 170368"/>
                <a:gd name="connsiteY22" fmla="*/ 252734 h 256435"/>
                <a:gd name="connsiteX23" fmla="*/ 167590 w 170368"/>
                <a:gd name="connsiteY23" fmla="*/ 256401 h 256435"/>
                <a:gd name="connsiteX24" fmla="*/ 166676 w 170368"/>
                <a:gd name="connsiteY24" fmla="*/ 256401 h 256435"/>
                <a:gd name="connsiteX25" fmla="*/ 3703 w 170368"/>
                <a:gd name="connsiteY25" fmla="*/ 256401 h 256435"/>
                <a:gd name="connsiteX26" fmla="*/ 36 w 170368"/>
                <a:gd name="connsiteY26" fmla="*/ 253658 h 256435"/>
                <a:gd name="connsiteX27" fmla="*/ 36 w 170368"/>
                <a:gd name="connsiteY27" fmla="*/ 252734 h 256435"/>
                <a:gd name="connsiteX28" fmla="*/ 36 w 170368"/>
                <a:gd name="connsiteY28" fmla="*/ 3693 h 256435"/>
                <a:gd name="connsiteX29" fmla="*/ 2788 w 170368"/>
                <a:gd name="connsiteY29" fmla="*/ 36 h 256435"/>
                <a:gd name="connsiteX30" fmla="*/ 3703 w 170368"/>
                <a:gd name="connsiteY30" fmla="*/ 36 h 256435"/>
                <a:gd name="connsiteX31" fmla="*/ 166676 w 170368"/>
                <a:gd name="connsiteY31" fmla="*/ 36 h 256435"/>
                <a:gd name="connsiteX32" fmla="*/ 170333 w 170368"/>
                <a:gd name="connsiteY32" fmla="*/ 2788 h 256435"/>
                <a:gd name="connsiteX33" fmla="*/ 170333 w 170368"/>
                <a:gd name="connsiteY33" fmla="*/ 3693 h 256435"/>
                <a:gd name="connsiteX34" fmla="*/ 170333 w 170368"/>
                <a:gd name="connsiteY34" fmla="*/ 26763 h 256435"/>
                <a:gd name="connsiteX35" fmla="*/ 167590 w 170368"/>
                <a:gd name="connsiteY35" fmla="*/ 30430 h 256435"/>
                <a:gd name="connsiteX36" fmla="*/ 166676 w 170368"/>
                <a:gd name="connsiteY36" fmla="*/ 30430 h 2564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0368" h="256435">
                  <a:moveTo>
                    <a:pt x="166676" y="30430"/>
                  </a:moveTo>
                  <a:lnTo>
                    <a:pt x="36659" y="30430"/>
                  </a:lnTo>
                  <a:cubicBezTo>
                    <a:pt x="35954" y="30325"/>
                    <a:pt x="35307" y="30811"/>
                    <a:pt x="35202" y="31516"/>
                  </a:cubicBezTo>
                  <a:cubicBezTo>
                    <a:pt x="35183" y="31640"/>
                    <a:pt x="35183" y="31763"/>
                    <a:pt x="35202" y="31887"/>
                  </a:cubicBezTo>
                  <a:lnTo>
                    <a:pt x="35202" y="110640"/>
                  </a:lnTo>
                  <a:cubicBezTo>
                    <a:pt x="35097" y="111335"/>
                    <a:pt x="35573" y="111993"/>
                    <a:pt x="36269" y="112097"/>
                  </a:cubicBezTo>
                  <a:cubicBezTo>
                    <a:pt x="36393" y="112116"/>
                    <a:pt x="36526" y="112116"/>
                    <a:pt x="36659" y="112097"/>
                  </a:cubicBezTo>
                  <a:lnTo>
                    <a:pt x="126023" y="112097"/>
                  </a:lnTo>
                  <a:cubicBezTo>
                    <a:pt x="127795" y="111850"/>
                    <a:pt x="129433" y="113078"/>
                    <a:pt x="129680" y="114850"/>
                  </a:cubicBezTo>
                  <a:cubicBezTo>
                    <a:pt x="129728" y="115155"/>
                    <a:pt x="129728" y="115460"/>
                    <a:pt x="129680" y="115764"/>
                  </a:cubicBezTo>
                  <a:lnTo>
                    <a:pt x="129680" y="138834"/>
                  </a:lnTo>
                  <a:cubicBezTo>
                    <a:pt x="129938" y="140606"/>
                    <a:pt x="128709" y="142244"/>
                    <a:pt x="126937" y="142501"/>
                  </a:cubicBezTo>
                  <a:cubicBezTo>
                    <a:pt x="126632" y="142539"/>
                    <a:pt x="126328" y="142539"/>
                    <a:pt x="126023" y="142501"/>
                  </a:cubicBezTo>
                  <a:lnTo>
                    <a:pt x="36659" y="142501"/>
                  </a:lnTo>
                  <a:cubicBezTo>
                    <a:pt x="35954" y="142396"/>
                    <a:pt x="35307" y="142882"/>
                    <a:pt x="35202" y="143587"/>
                  </a:cubicBezTo>
                  <a:cubicBezTo>
                    <a:pt x="35183" y="143711"/>
                    <a:pt x="35183" y="143844"/>
                    <a:pt x="35202" y="143968"/>
                  </a:cubicBezTo>
                  <a:lnTo>
                    <a:pt x="35202" y="224540"/>
                  </a:lnTo>
                  <a:cubicBezTo>
                    <a:pt x="35097" y="225235"/>
                    <a:pt x="35573" y="225893"/>
                    <a:pt x="36269" y="225997"/>
                  </a:cubicBezTo>
                  <a:cubicBezTo>
                    <a:pt x="36393" y="226016"/>
                    <a:pt x="36526" y="226016"/>
                    <a:pt x="36659" y="225997"/>
                  </a:cubicBezTo>
                  <a:lnTo>
                    <a:pt x="166676" y="225997"/>
                  </a:lnTo>
                  <a:cubicBezTo>
                    <a:pt x="168447" y="225750"/>
                    <a:pt x="170086" y="226978"/>
                    <a:pt x="170333" y="228750"/>
                  </a:cubicBezTo>
                  <a:cubicBezTo>
                    <a:pt x="170381" y="229055"/>
                    <a:pt x="170381" y="229360"/>
                    <a:pt x="170333" y="229664"/>
                  </a:cubicBezTo>
                  <a:lnTo>
                    <a:pt x="170333" y="252734"/>
                  </a:lnTo>
                  <a:cubicBezTo>
                    <a:pt x="170590" y="254506"/>
                    <a:pt x="169361" y="256144"/>
                    <a:pt x="167590" y="256401"/>
                  </a:cubicBezTo>
                  <a:cubicBezTo>
                    <a:pt x="167285" y="256439"/>
                    <a:pt x="166980" y="256439"/>
                    <a:pt x="166676" y="256401"/>
                  </a:cubicBezTo>
                  <a:lnTo>
                    <a:pt x="3703" y="256401"/>
                  </a:lnTo>
                  <a:cubicBezTo>
                    <a:pt x="1931" y="256658"/>
                    <a:pt x="293" y="255429"/>
                    <a:pt x="36" y="253658"/>
                  </a:cubicBezTo>
                  <a:cubicBezTo>
                    <a:pt x="-12" y="253353"/>
                    <a:pt x="-12" y="253039"/>
                    <a:pt x="36" y="252734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66676" y="36"/>
                  </a:lnTo>
                  <a:cubicBezTo>
                    <a:pt x="168447" y="-212"/>
                    <a:pt x="170086" y="1017"/>
                    <a:pt x="170333" y="2788"/>
                  </a:cubicBezTo>
                  <a:cubicBezTo>
                    <a:pt x="170371" y="3093"/>
                    <a:pt x="170371" y="3398"/>
                    <a:pt x="170333" y="3693"/>
                  </a:cubicBezTo>
                  <a:lnTo>
                    <a:pt x="170333" y="26763"/>
                  </a:lnTo>
                  <a:cubicBezTo>
                    <a:pt x="170590" y="28535"/>
                    <a:pt x="169361" y="30173"/>
                    <a:pt x="167590" y="30430"/>
                  </a:cubicBezTo>
                  <a:cubicBezTo>
                    <a:pt x="167285" y="30468"/>
                    <a:pt x="166980" y="30468"/>
                    <a:pt x="166676" y="30430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3" name="Freeform 62">
              <a:extLst>
                <a:ext uri="{FF2B5EF4-FFF2-40B4-BE49-F238E27FC236}">
                  <a16:creationId xmlns:a16="http://schemas.microsoft.com/office/drawing/2014/main" id="{E12642B7-DCEC-4548-892C-5EE5ADEC266B}"/>
                </a:ext>
              </a:extLst>
            </p:cNvPr>
            <p:cNvSpPr/>
            <p:nvPr/>
          </p:nvSpPr>
          <p:spPr bwMode="gray">
            <a:xfrm>
              <a:off x="4862489" y="2005948"/>
              <a:ext cx="178088" cy="256425"/>
            </a:xfrm>
            <a:custGeom>
              <a:avLst/>
              <a:gdLst>
                <a:gd name="connsiteX0" fmla="*/ 142130 w 178088"/>
                <a:gd name="connsiteY0" fmla="*/ 253829 h 256425"/>
                <a:gd name="connsiteX1" fmla="*/ 90856 w 178088"/>
                <a:gd name="connsiteY1" fmla="*/ 144292 h 256425"/>
                <a:gd name="connsiteX2" fmla="*/ 89399 w 178088"/>
                <a:gd name="connsiteY2" fmla="*/ 143196 h 256425"/>
                <a:gd name="connsiteX3" fmla="*/ 36659 w 178088"/>
                <a:gd name="connsiteY3" fmla="*/ 143196 h 256425"/>
                <a:gd name="connsiteX4" fmla="*/ 35192 w 178088"/>
                <a:gd name="connsiteY4" fmla="*/ 144292 h 256425"/>
                <a:gd name="connsiteX5" fmla="*/ 35192 w 178088"/>
                <a:gd name="connsiteY5" fmla="*/ 144654 h 256425"/>
                <a:gd name="connsiteX6" fmla="*/ 35192 w 178088"/>
                <a:gd name="connsiteY6" fmla="*/ 252696 h 256425"/>
                <a:gd name="connsiteX7" fmla="*/ 32449 w 178088"/>
                <a:gd name="connsiteY7" fmla="*/ 256363 h 256425"/>
                <a:gd name="connsiteX8" fmla="*/ 31525 w 178088"/>
                <a:gd name="connsiteY8" fmla="*/ 256363 h 256425"/>
                <a:gd name="connsiteX9" fmla="*/ 3703 w 178088"/>
                <a:gd name="connsiteY9" fmla="*/ 256363 h 256425"/>
                <a:gd name="connsiteX10" fmla="*/ 36 w 178088"/>
                <a:gd name="connsiteY10" fmla="*/ 253620 h 256425"/>
                <a:gd name="connsiteX11" fmla="*/ 36 w 178088"/>
                <a:gd name="connsiteY11" fmla="*/ 252696 h 256425"/>
                <a:gd name="connsiteX12" fmla="*/ 36 w 178088"/>
                <a:gd name="connsiteY12" fmla="*/ 3693 h 256425"/>
                <a:gd name="connsiteX13" fmla="*/ 2788 w 178088"/>
                <a:gd name="connsiteY13" fmla="*/ 36 h 256425"/>
                <a:gd name="connsiteX14" fmla="*/ 3703 w 178088"/>
                <a:gd name="connsiteY14" fmla="*/ 36 h 256425"/>
                <a:gd name="connsiteX15" fmla="*/ 102210 w 178088"/>
                <a:gd name="connsiteY15" fmla="*/ 36 h 256425"/>
                <a:gd name="connsiteX16" fmla="*/ 140853 w 178088"/>
                <a:gd name="connsiteY16" fmla="*/ 9189 h 256425"/>
                <a:gd name="connsiteX17" fmla="*/ 166666 w 178088"/>
                <a:gd name="connsiteY17" fmla="*/ 34821 h 256425"/>
                <a:gd name="connsiteX18" fmla="*/ 175829 w 178088"/>
                <a:gd name="connsiteY18" fmla="*/ 72921 h 256425"/>
                <a:gd name="connsiteX19" fmla="*/ 162494 w 178088"/>
                <a:gd name="connsiteY19" fmla="*/ 116326 h 256425"/>
                <a:gd name="connsiteX20" fmla="*/ 125346 w 178088"/>
                <a:gd name="connsiteY20" fmla="*/ 140310 h 256425"/>
                <a:gd name="connsiteX21" fmla="*/ 124613 w 178088"/>
                <a:gd name="connsiteY21" fmla="*/ 142149 h 256425"/>
                <a:gd name="connsiteX22" fmla="*/ 177715 w 178088"/>
                <a:gd name="connsiteY22" fmla="*/ 252020 h 256425"/>
                <a:gd name="connsiteX23" fmla="*/ 178087 w 178088"/>
                <a:gd name="connsiteY23" fmla="*/ 253839 h 256425"/>
                <a:gd name="connsiteX24" fmla="*/ 175153 w 178088"/>
                <a:gd name="connsiteY24" fmla="*/ 256411 h 256425"/>
                <a:gd name="connsiteX25" fmla="*/ 146225 w 178088"/>
                <a:gd name="connsiteY25" fmla="*/ 256411 h 256425"/>
                <a:gd name="connsiteX26" fmla="*/ 142130 w 178088"/>
                <a:gd name="connsiteY26" fmla="*/ 253829 h 256425"/>
                <a:gd name="connsiteX27" fmla="*/ 35192 w 178088"/>
                <a:gd name="connsiteY27" fmla="*/ 31897 h 256425"/>
                <a:gd name="connsiteX28" fmla="*/ 35192 w 178088"/>
                <a:gd name="connsiteY28" fmla="*/ 113974 h 256425"/>
                <a:gd name="connsiteX29" fmla="*/ 36297 w 178088"/>
                <a:gd name="connsiteY29" fmla="*/ 115431 h 256425"/>
                <a:gd name="connsiteX30" fmla="*/ 36659 w 178088"/>
                <a:gd name="connsiteY30" fmla="*/ 115431 h 256425"/>
                <a:gd name="connsiteX31" fmla="*/ 97819 w 178088"/>
                <a:gd name="connsiteY31" fmla="*/ 115431 h 256425"/>
                <a:gd name="connsiteX32" fmla="*/ 128947 w 178088"/>
                <a:gd name="connsiteY32" fmla="*/ 103896 h 256425"/>
                <a:gd name="connsiteX33" fmla="*/ 140663 w 178088"/>
                <a:gd name="connsiteY33" fmla="*/ 73321 h 256425"/>
                <a:gd name="connsiteX34" fmla="*/ 103077 w 178088"/>
                <a:gd name="connsiteY34" fmla="*/ 30459 h 256425"/>
                <a:gd name="connsiteX35" fmla="*/ 97800 w 178088"/>
                <a:gd name="connsiteY35" fmla="*/ 30459 h 256425"/>
                <a:gd name="connsiteX36" fmla="*/ 36640 w 178088"/>
                <a:gd name="connsiteY36" fmla="*/ 30459 h 256425"/>
                <a:gd name="connsiteX37" fmla="*/ 35192 w 178088"/>
                <a:gd name="connsiteY37" fmla="*/ 31583 h 256425"/>
                <a:gd name="connsiteX38" fmla="*/ 35192 w 178088"/>
                <a:gd name="connsiteY38" fmla="*/ 31887 h 2564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78088" h="256425">
                  <a:moveTo>
                    <a:pt x="142130" y="253829"/>
                  </a:moveTo>
                  <a:lnTo>
                    <a:pt x="90856" y="144292"/>
                  </a:lnTo>
                  <a:cubicBezTo>
                    <a:pt x="90704" y="143625"/>
                    <a:pt x="90085" y="143158"/>
                    <a:pt x="89399" y="143196"/>
                  </a:cubicBezTo>
                  <a:lnTo>
                    <a:pt x="36659" y="143196"/>
                  </a:lnTo>
                  <a:cubicBezTo>
                    <a:pt x="35954" y="143092"/>
                    <a:pt x="35297" y="143587"/>
                    <a:pt x="35192" y="144292"/>
                  </a:cubicBezTo>
                  <a:cubicBezTo>
                    <a:pt x="35173" y="144416"/>
                    <a:pt x="35173" y="144540"/>
                    <a:pt x="35192" y="144654"/>
                  </a:cubicBezTo>
                  <a:lnTo>
                    <a:pt x="35192" y="252696"/>
                  </a:lnTo>
                  <a:cubicBezTo>
                    <a:pt x="35450" y="254468"/>
                    <a:pt x="34221" y="256106"/>
                    <a:pt x="32449" y="256363"/>
                  </a:cubicBezTo>
                  <a:cubicBezTo>
                    <a:pt x="32144" y="256411"/>
                    <a:pt x="31830" y="256411"/>
                    <a:pt x="31525" y="256363"/>
                  </a:cubicBezTo>
                  <a:lnTo>
                    <a:pt x="3703" y="256363"/>
                  </a:lnTo>
                  <a:cubicBezTo>
                    <a:pt x="1931" y="256620"/>
                    <a:pt x="293" y="255391"/>
                    <a:pt x="36" y="253620"/>
                  </a:cubicBezTo>
                  <a:cubicBezTo>
                    <a:pt x="-12" y="253315"/>
                    <a:pt x="-12" y="253001"/>
                    <a:pt x="36" y="252696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02210" y="36"/>
                  </a:lnTo>
                  <a:cubicBezTo>
                    <a:pt x="115660" y="-250"/>
                    <a:pt x="128956" y="2903"/>
                    <a:pt x="140853" y="9189"/>
                  </a:cubicBezTo>
                  <a:cubicBezTo>
                    <a:pt x="151740" y="15076"/>
                    <a:pt x="160703" y="23972"/>
                    <a:pt x="166666" y="34821"/>
                  </a:cubicBezTo>
                  <a:cubicBezTo>
                    <a:pt x="172953" y="46518"/>
                    <a:pt x="176105" y="59643"/>
                    <a:pt x="175829" y="72921"/>
                  </a:cubicBezTo>
                  <a:cubicBezTo>
                    <a:pt x="176324" y="88466"/>
                    <a:pt x="171628" y="103734"/>
                    <a:pt x="162494" y="116326"/>
                  </a:cubicBezTo>
                  <a:cubicBezTo>
                    <a:pt x="153255" y="128376"/>
                    <a:pt x="140129" y="136853"/>
                    <a:pt x="125346" y="140310"/>
                  </a:cubicBezTo>
                  <a:cubicBezTo>
                    <a:pt x="124394" y="140806"/>
                    <a:pt x="124118" y="141406"/>
                    <a:pt x="124613" y="142149"/>
                  </a:cubicBezTo>
                  <a:lnTo>
                    <a:pt x="177715" y="252020"/>
                  </a:lnTo>
                  <a:cubicBezTo>
                    <a:pt x="177972" y="252591"/>
                    <a:pt x="178105" y="253210"/>
                    <a:pt x="178087" y="253839"/>
                  </a:cubicBezTo>
                  <a:cubicBezTo>
                    <a:pt x="178087" y="255553"/>
                    <a:pt x="177134" y="256411"/>
                    <a:pt x="175153" y="256411"/>
                  </a:cubicBezTo>
                  <a:lnTo>
                    <a:pt x="146225" y="256411"/>
                  </a:lnTo>
                  <a:cubicBezTo>
                    <a:pt x="144435" y="256563"/>
                    <a:pt x="142768" y="255506"/>
                    <a:pt x="142130" y="253829"/>
                  </a:cubicBezTo>
                  <a:close/>
                  <a:moveTo>
                    <a:pt x="35192" y="31897"/>
                  </a:moveTo>
                  <a:lnTo>
                    <a:pt x="35192" y="113974"/>
                  </a:lnTo>
                  <a:cubicBezTo>
                    <a:pt x="35097" y="114679"/>
                    <a:pt x="35592" y="115336"/>
                    <a:pt x="36297" y="115431"/>
                  </a:cubicBezTo>
                  <a:cubicBezTo>
                    <a:pt x="36421" y="115450"/>
                    <a:pt x="36545" y="115450"/>
                    <a:pt x="36659" y="115431"/>
                  </a:cubicBezTo>
                  <a:lnTo>
                    <a:pt x="97819" y="115431"/>
                  </a:lnTo>
                  <a:cubicBezTo>
                    <a:pt x="109335" y="115974"/>
                    <a:pt x="120565" y="111812"/>
                    <a:pt x="128947" y="103896"/>
                  </a:cubicBezTo>
                  <a:cubicBezTo>
                    <a:pt x="136929" y="95781"/>
                    <a:pt x="141177" y="84694"/>
                    <a:pt x="140663" y="73321"/>
                  </a:cubicBezTo>
                  <a:cubicBezTo>
                    <a:pt x="142120" y="51109"/>
                    <a:pt x="125289" y="31916"/>
                    <a:pt x="103077" y="30459"/>
                  </a:cubicBezTo>
                  <a:cubicBezTo>
                    <a:pt x="101324" y="30344"/>
                    <a:pt x="99562" y="30344"/>
                    <a:pt x="97800" y="30459"/>
                  </a:cubicBezTo>
                  <a:lnTo>
                    <a:pt x="36640" y="30459"/>
                  </a:lnTo>
                  <a:cubicBezTo>
                    <a:pt x="35926" y="30373"/>
                    <a:pt x="35288" y="30878"/>
                    <a:pt x="35192" y="31583"/>
                  </a:cubicBezTo>
                  <a:cubicBezTo>
                    <a:pt x="35183" y="31687"/>
                    <a:pt x="35183" y="31783"/>
                    <a:pt x="35192" y="3188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4" name="Freeform 63">
              <a:extLst>
                <a:ext uri="{FF2B5EF4-FFF2-40B4-BE49-F238E27FC236}">
                  <a16:creationId xmlns:a16="http://schemas.microsoft.com/office/drawing/2014/main" id="{8C59C16D-9F06-674E-A5C2-6F73DA432EC5}"/>
                </a:ext>
              </a:extLst>
            </p:cNvPr>
            <p:cNvSpPr/>
            <p:nvPr/>
          </p:nvSpPr>
          <p:spPr bwMode="gray">
            <a:xfrm>
              <a:off x="5107496" y="2002913"/>
              <a:ext cx="180643" cy="262528"/>
            </a:xfrm>
            <a:custGeom>
              <a:avLst/>
              <a:gdLst>
                <a:gd name="connsiteX0" fmla="*/ 43075 w 180643"/>
                <a:gd name="connsiteY0" fmla="*/ 253579 h 262528"/>
                <a:gd name="connsiteX1" fmla="*/ 11204 w 180643"/>
                <a:gd name="connsiteY1" fmla="*/ 228671 h 262528"/>
                <a:gd name="connsiteX2" fmla="*/ 32 w 180643"/>
                <a:gd name="connsiteY2" fmla="*/ 190942 h 262528"/>
                <a:gd name="connsiteX3" fmla="*/ 32 w 180643"/>
                <a:gd name="connsiteY3" fmla="*/ 180322 h 262528"/>
                <a:gd name="connsiteX4" fmla="*/ 2784 w 180643"/>
                <a:gd name="connsiteY4" fmla="*/ 176665 h 262528"/>
                <a:gd name="connsiteX5" fmla="*/ 3698 w 180643"/>
                <a:gd name="connsiteY5" fmla="*/ 176665 h 262528"/>
                <a:gd name="connsiteX6" fmla="*/ 30435 w 180643"/>
                <a:gd name="connsiteY6" fmla="*/ 176665 h 262528"/>
                <a:gd name="connsiteX7" fmla="*/ 34093 w 180643"/>
                <a:gd name="connsiteY7" fmla="*/ 179398 h 262528"/>
                <a:gd name="connsiteX8" fmla="*/ 34093 w 180643"/>
                <a:gd name="connsiteY8" fmla="*/ 180322 h 262528"/>
                <a:gd name="connsiteX9" fmla="*/ 34093 w 180643"/>
                <a:gd name="connsiteY9" fmla="*/ 189114 h 262528"/>
                <a:gd name="connsiteX10" fmla="*/ 50209 w 180643"/>
                <a:gd name="connsiteY10" fmla="*/ 219879 h 262528"/>
                <a:gd name="connsiteX11" fmla="*/ 94520 w 180643"/>
                <a:gd name="connsiteY11" fmla="*/ 231967 h 262528"/>
                <a:gd name="connsiteX12" fmla="*/ 132620 w 180643"/>
                <a:gd name="connsiteY12" fmla="*/ 221346 h 262528"/>
                <a:gd name="connsiteX13" fmla="*/ 145440 w 180643"/>
                <a:gd name="connsiteY13" fmla="*/ 193514 h 262528"/>
                <a:gd name="connsiteX14" fmla="*/ 138849 w 180643"/>
                <a:gd name="connsiteY14" fmla="*/ 174102 h 262528"/>
                <a:gd name="connsiteX15" fmla="*/ 119618 w 180643"/>
                <a:gd name="connsiteY15" fmla="*/ 159272 h 262528"/>
                <a:gd name="connsiteX16" fmla="*/ 82813 w 180643"/>
                <a:gd name="connsiteY16" fmla="*/ 142965 h 262528"/>
                <a:gd name="connsiteX17" fmla="*/ 40513 w 180643"/>
                <a:gd name="connsiteY17" fmla="*/ 124286 h 262528"/>
                <a:gd name="connsiteX18" fmla="*/ 14700 w 180643"/>
                <a:gd name="connsiteY18" fmla="*/ 102131 h 262528"/>
                <a:gd name="connsiteX19" fmla="*/ 4441 w 180643"/>
                <a:gd name="connsiteY19" fmla="*/ 67527 h 262528"/>
                <a:gd name="connsiteX20" fmla="*/ 26968 w 180643"/>
                <a:gd name="connsiteY20" fmla="*/ 18083 h 262528"/>
                <a:gd name="connsiteX21" fmla="*/ 87928 w 180643"/>
                <a:gd name="connsiteY21" fmla="*/ 138 h 262528"/>
                <a:gd name="connsiteX22" fmla="*/ 135553 w 180643"/>
                <a:gd name="connsiteY22" fmla="*/ 9291 h 262528"/>
                <a:gd name="connsiteX23" fmla="*/ 167233 w 180643"/>
                <a:gd name="connsiteY23" fmla="*/ 34923 h 262528"/>
                <a:gd name="connsiteX24" fmla="*/ 178406 w 180643"/>
                <a:gd name="connsiteY24" fmla="*/ 73023 h 262528"/>
                <a:gd name="connsiteX25" fmla="*/ 178406 w 180643"/>
                <a:gd name="connsiteY25" fmla="*/ 80357 h 262528"/>
                <a:gd name="connsiteX26" fmla="*/ 175654 w 180643"/>
                <a:gd name="connsiteY26" fmla="*/ 84015 h 262528"/>
                <a:gd name="connsiteX27" fmla="*/ 174739 w 180643"/>
                <a:gd name="connsiteY27" fmla="*/ 84015 h 262528"/>
                <a:gd name="connsiteX28" fmla="*/ 147259 w 180643"/>
                <a:gd name="connsiteY28" fmla="*/ 84015 h 262528"/>
                <a:gd name="connsiteX29" fmla="*/ 143602 w 180643"/>
                <a:gd name="connsiteY29" fmla="*/ 81281 h 262528"/>
                <a:gd name="connsiteX30" fmla="*/ 143602 w 180643"/>
                <a:gd name="connsiteY30" fmla="*/ 80357 h 262528"/>
                <a:gd name="connsiteX31" fmla="*/ 143602 w 180643"/>
                <a:gd name="connsiteY31" fmla="*/ 74861 h 262528"/>
                <a:gd name="connsiteX32" fmla="*/ 128362 w 180643"/>
                <a:gd name="connsiteY32" fmla="*/ 43181 h 262528"/>
                <a:gd name="connsiteX33" fmla="*/ 86452 w 180643"/>
                <a:gd name="connsiteY33" fmla="*/ 30541 h 262528"/>
                <a:gd name="connsiteX34" fmla="*/ 51286 w 180643"/>
                <a:gd name="connsiteY34" fmla="*/ 39886 h 262528"/>
                <a:gd name="connsiteX35" fmla="*/ 38836 w 180643"/>
                <a:gd name="connsiteY35" fmla="*/ 66803 h 262528"/>
                <a:gd name="connsiteX36" fmla="*/ 45066 w 180643"/>
                <a:gd name="connsiteY36" fmla="*/ 86577 h 262528"/>
                <a:gd name="connsiteX37" fmla="*/ 63553 w 180643"/>
                <a:gd name="connsiteY37" fmla="*/ 100322 h 262528"/>
                <a:gd name="connsiteX38" fmla="*/ 101101 w 180643"/>
                <a:gd name="connsiteY38" fmla="*/ 115876 h 262528"/>
                <a:gd name="connsiteX39" fmla="*/ 143221 w 180643"/>
                <a:gd name="connsiteY39" fmla="*/ 134745 h 262528"/>
                <a:gd name="connsiteX40" fmla="*/ 169948 w 180643"/>
                <a:gd name="connsiteY40" fmla="*/ 157453 h 262528"/>
                <a:gd name="connsiteX41" fmla="*/ 180597 w 180643"/>
                <a:gd name="connsiteY41" fmla="*/ 192419 h 262528"/>
                <a:gd name="connsiteX42" fmla="*/ 156975 w 180643"/>
                <a:gd name="connsiteY42" fmla="*/ 243501 h 262528"/>
                <a:gd name="connsiteX43" fmla="*/ 91957 w 180643"/>
                <a:gd name="connsiteY43" fmla="*/ 262361 h 262528"/>
                <a:gd name="connsiteX44" fmla="*/ 43075 w 180643"/>
                <a:gd name="connsiteY44" fmla="*/ 253579 h 2625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180643" h="262528">
                  <a:moveTo>
                    <a:pt x="43075" y="253579"/>
                  </a:moveTo>
                  <a:cubicBezTo>
                    <a:pt x="30283" y="248512"/>
                    <a:pt x="19215" y="239863"/>
                    <a:pt x="11204" y="228671"/>
                  </a:cubicBezTo>
                  <a:cubicBezTo>
                    <a:pt x="3641" y="217565"/>
                    <a:pt x="-264" y="204373"/>
                    <a:pt x="32" y="190942"/>
                  </a:cubicBezTo>
                  <a:lnTo>
                    <a:pt x="32" y="180322"/>
                  </a:lnTo>
                  <a:cubicBezTo>
                    <a:pt x="-216" y="178550"/>
                    <a:pt x="1012" y="176912"/>
                    <a:pt x="2784" y="176665"/>
                  </a:cubicBezTo>
                  <a:cubicBezTo>
                    <a:pt x="3089" y="176617"/>
                    <a:pt x="3394" y="176617"/>
                    <a:pt x="3698" y="176665"/>
                  </a:cubicBezTo>
                  <a:lnTo>
                    <a:pt x="30435" y="176665"/>
                  </a:lnTo>
                  <a:cubicBezTo>
                    <a:pt x="32197" y="176407"/>
                    <a:pt x="33835" y="177636"/>
                    <a:pt x="34093" y="179398"/>
                  </a:cubicBezTo>
                  <a:cubicBezTo>
                    <a:pt x="34141" y="179703"/>
                    <a:pt x="34141" y="180017"/>
                    <a:pt x="34093" y="180322"/>
                  </a:cubicBezTo>
                  <a:lnTo>
                    <a:pt x="34093" y="189114"/>
                  </a:lnTo>
                  <a:cubicBezTo>
                    <a:pt x="34007" y="201410"/>
                    <a:pt x="40046" y="212945"/>
                    <a:pt x="50209" y="219879"/>
                  </a:cubicBezTo>
                  <a:cubicBezTo>
                    <a:pt x="63277" y="228614"/>
                    <a:pt x="78832" y="232852"/>
                    <a:pt x="94520" y="231967"/>
                  </a:cubicBezTo>
                  <a:cubicBezTo>
                    <a:pt x="108064" y="232957"/>
                    <a:pt x="121532" y="229204"/>
                    <a:pt x="132620" y="221346"/>
                  </a:cubicBezTo>
                  <a:cubicBezTo>
                    <a:pt x="141020" y="214593"/>
                    <a:pt x="145764" y="204287"/>
                    <a:pt x="145440" y="193514"/>
                  </a:cubicBezTo>
                  <a:cubicBezTo>
                    <a:pt x="145621" y="186466"/>
                    <a:pt x="143288" y="179579"/>
                    <a:pt x="138849" y="174102"/>
                  </a:cubicBezTo>
                  <a:cubicBezTo>
                    <a:pt x="133467" y="167959"/>
                    <a:pt x="126933" y="162920"/>
                    <a:pt x="119618" y="159272"/>
                  </a:cubicBezTo>
                  <a:cubicBezTo>
                    <a:pt x="107654" y="153166"/>
                    <a:pt x="95367" y="147718"/>
                    <a:pt x="82813" y="142965"/>
                  </a:cubicBezTo>
                  <a:cubicBezTo>
                    <a:pt x="68335" y="137631"/>
                    <a:pt x="54210" y="131392"/>
                    <a:pt x="40513" y="124286"/>
                  </a:cubicBezTo>
                  <a:cubicBezTo>
                    <a:pt x="30378" y="118895"/>
                    <a:pt x="21568" y="111323"/>
                    <a:pt x="14700" y="102131"/>
                  </a:cubicBezTo>
                  <a:cubicBezTo>
                    <a:pt x="7566" y="92035"/>
                    <a:pt x="3965" y="79881"/>
                    <a:pt x="4441" y="67527"/>
                  </a:cubicBezTo>
                  <a:cubicBezTo>
                    <a:pt x="3584" y="48391"/>
                    <a:pt x="11966" y="29998"/>
                    <a:pt x="26968" y="18083"/>
                  </a:cubicBezTo>
                  <a:cubicBezTo>
                    <a:pt x="44637" y="5300"/>
                    <a:pt x="66154" y="-1034"/>
                    <a:pt x="87928" y="138"/>
                  </a:cubicBezTo>
                  <a:cubicBezTo>
                    <a:pt x="104273" y="-205"/>
                    <a:pt x="120503" y="2919"/>
                    <a:pt x="135553" y="9291"/>
                  </a:cubicBezTo>
                  <a:cubicBezTo>
                    <a:pt x="148326" y="14673"/>
                    <a:pt x="159309" y="23560"/>
                    <a:pt x="167233" y="34923"/>
                  </a:cubicBezTo>
                  <a:cubicBezTo>
                    <a:pt x="174758" y="46191"/>
                    <a:pt x="178654" y="59478"/>
                    <a:pt x="178406" y="73023"/>
                  </a:cubicBezTo>
                  <a:lnTo>
                    <a:pt x="178406" y="80357"/>
                  </a:lnTo>
                  <a:cubicBezTo>
                    <a:pt x="178654" y="82129"/>
                    <a:pt x="177425" y="83767"/>
                    <a:pt x="175654" y="84015"/>
                  </a:cubicBezTo>
                  <a:cubicBezTo>
                    <a:pt x="175348" y="84062"/>
                    <a:pt x="175044" y="84062"/>
                    <a:pt x="174739" y="84015"/>
                  </a:cubicBezTo>
                  <a:lnTo>
                    <a:pt x="147259" y="84015"/>
                  </a:lnTo>
                  <a:cubicBezTo>
                    <a:pt x="145497" y="84272"/>
                    <a:pt x="143859" y="83043"/>
                    <a:pt x="143602" y="81281"/>
                  </a:cubicBezTo>
                  <a:cubicBezTo>
                    <a:pt x="143554" y="80976"/>
                    <a:pt x="143554" y="80662"/>
                    <a:pt x="143602" y="80357"/>
                  </a:cubicBezTo>
                  <a:lnTo>
                    <a:pt x="143602" y="74861"/>
                  </a:lnTo>
                  <a:cubicBezTo>
                    <a:pt x="143754" y="62498"/>
                    <a:pt x="138115" y="50782"/>
                    <a:pt x="128362" y="43181"/>
                  </a:cubicBezTo>
                  <a:cubicBezTo>
                    <a:pt x="116322" y="34151"/>
                    <a:pt x="101473" y="29675"/>
                    <a:pt x="86452" y="30541"/>
                  </a:cubicBezTo>
                  <a:cubicBezTo>
                    <a:pt x="74031" y="29779"/>
                    <a:pt x="61697" y="33056"/>
                    <a:pt x="51286" y="39886"/>
                  </a:cubicBezTo>
                  <a:cubicBezTo>
                    <a:pt x="42923" y="46239"/>
                    <a:pt x="38256" y="56316"/>
                    <a:pt x="38836" y="66803"/>
                  </a:cubicBezTo>
                  <a:cubicBezTo>
                    <a:pt x="38532" y="73918"/>
                    <a:pt x="40732" y="80919"/>
                    <a:pt x="45066" y="86577"/>
                  </a:cubicBezTo>
                  <a:cubicBezTo>
                    <a:pt x="50171" y="92435"/>
                    <a:pt x="56477" y="97121"/>
                    <a:pt x="63553" y="100322"/>
                  </a:cubicBezTo>
                  <a:cubicBezTo>
                    <a:pt x="71736" y="104351"/>
                    <a:pt x="84252" y="109542"/>
                    <a:pt x="101101" y="115876"/>
                  </a:cubicBezTo>
                  <a:cubicBezTo>
                    <a:pt x="115484" y="121381"/>
                    <a:pt x="129543" y="127677"/>
                    <a:pt x="143221" y="134745"/>
                  </a:cubicBezTo>
                  <a:cubicBezTo>
                    <a:pt x="153689" y="140250"/>
                    <a:pt x="162823" y="148004"/>
                    <a:pt x="169948" y="157453"/>
                  </a:cubicBezTo>
                  <a:cubicBezTo>
                    <a:pt x="177273" y="167606"/>
                    <a:pt x="181025" y="179903"/>
                    <a:pt x="180597" y="192419"/>
                  </a:cubicBezTo>
                  <a:cubicBezTo>
                    <a:pt x="181368" y="212250"/>
                    <a:pt x="172577" y="231243"/>
                    <a:pt x="156975" y="243501"/>
                  </a:cubicBezTo>
                  <a:cubicBezTo>
                    <a:pt x="138097" y="257036"/>
                    <a:pt x="115151" y="263694"/>
                    <a:pt x="91957" y="262361"/>
                  </a:cubicBezTo>
                  <a:cubicBezTo>
                    <a:pt x="75241" y="262751"/>
                    <a:pt x="58610" y="259761"/>
                    <a:pt x="43075" y="25357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5" name="Freeform 64">
              <a:extLst>
                <a:ext uri="{FF2B5EF4-FFF2-40B4-BE49-F238E27FC236}">
                  <a16:creationId xmlns:a16="http://schemas.microsoft.com/office/drawing/2014/main" id="{A1025DE8-8CBF-874F-92D2-6C273D2D903B}"/>
                </a:ext>
              </a:extLst>
            </p:cNvPr>
            <p:cNvSpPr/>
            <p:nvPr/>
          </p:nvSpPr>
          <p:spPr bwMode="gray">
            <a:xfrm>
              <a:off x="5368991" y="2005950"/>
              <a:ext cx="170368" cy="256435"/>
            </a:xfrm>
            <a:custGeom>
              <a:avLst/>
              <a:gdLst>
                <a:gd name="connsiteX0" fmla="*/ 166666 w 170368"/>
                <a:gd name="connsiteY0" fmla="*/ 30428 h 256435"/>
                <a:gd name="connsiteX1" fmla="*/ 36659 w 170368"/>
                <a:gd name="connsiteY1" fmla="*/ 30428 h 256435"/>
                <a:gd name="connsiteX2" fmla="*/ 35192 w 170368"/>
                <a:gd name="connsiteY2" fmla="*/ 31524 h 256435"/>
                <a:gd name="connsiteX3" fmla="*/ 35192 w 170368"/>
                <a:gd name="connsiteY3" fmla="*/ 31886 h 256435"/>
                <a:gd name="connsiteX4" fmla="*/ 35192 w 170368"/>
                <a:gd name="connsiteY4" fmla="*/ 110638 h 256435"/>
                <a:gd name="connsiteX5" fmla="*/ 36278 w 170368"/>
                <a:gd name="connsiteY5" fmla="*/ 112096 h 256435"/>
                <a:gd name="connsiteX6" fmla="*/ 36659 w 170368"/>
                <a:gd name="connsiteY6" fmla="*/ 112096 h 256435"/>
                <a:gd name="connsiteX7" fmla="*/ 126023 w 170368"/>
                <a:gd name="connsiteY7" fmla="*/ 112096 h 256435"/>
                <a:gd name="connsiteX8" fmla="*/ 129680 w 170368"/>
                <a:gd name="connsiteY8" fmla="*/ 114877 h 256435"/>
                <a:gd name="connsiteX9" fmla="*/ 129680 w 170368"/>
                <a:gd name="connsiteY9" fmla="*/ 115763 h 256435"/>
                <a:gd name="connsiteX10" fmla="*/ 129680 w 170368"/>
                <a:gd name="connsiteY10" fmla="*/ 138832 h 256435"/>
                <a:gd name="connsiteX11" fmla="*/ 126937 w 170368"/>
                <a:gd name="connsiteY11" fmla="*/ 142499 h 256435"/>
                <a:gd name="connsiteX12" fmla="*/ 126023 w 170368"/>
                <a:gd name="connsiteY12" fmla="*/ 142499 h 256435"/>
                <a:gd name="connsiteX13" fmla="*/ 36659 w 170368"/>
                <a:gd name="connsiteY13" fmla="*/ 142499 h 256435"/>
                <a:gd name="connsiteX14" fmla="*/ 35192 w 170368"/>
                <a:gd name="connsiteY14" fmla="*/ 143595 h 256435"/>
                <a:gd name="connsiteX15" fmla="*/ 35192 w 170368"/>
                <a:gd name="connsiteY15" fmla="*/ 143966 h 256435"/>
                <a:gd name="connsiteX16" fmla="*/ 35192 w 170368"/>
                <a:gd name="connsiteY16" fmla="*/ 224538 h 256435"/>
                <a:gd name="connsiteX17" fmla="*/ 36278 w 170368"/>
                <a:gd name="connsiteY17" fmla="*/ 225996 h 256435"/>
                <a:gd name="connsiteX18" fmla="*/ 36659 w 170368"/>
                <a:gd name="connsiteY18" fmla="*/ 225996 h 256435"/>
                <a:gd name="connsiteX19" fmla="*/ 166666 w 170368"/>
                <a:gd name="connsiteY19" fmla="*/ 225996 h 256435"/>
                <a:gd name="connsiteX20" fmla="*/ 170333 w 170368"/>
                <a:gd name="connsiteY20" fmla="*/ 228739 h 256435"/>
                <a:gd name="connsiteX21" fmla="*/ 170333 w 170368"/>
                <a:gd name="connsiteY21" fmla="*/ 229663 h 256435"/>
                <a:gd name="connsiteX22" fmla="*/ 170333 w 170368"/>
                <a:gd name="connsiteY22" fmla="*/ 252732 h 256435"/>
                <a:gd name="connsiteX23" fmla="*/ 167590 w 170368"/>
                <a:gd name="connsiteY23" fmla="*/ 256400 h 256435"/>
                <a:gd name="connsiteX24" fmla="*/ 166666 w 170368"/>
                <a:gd name="connsiteY24" fmla="*/ 256400 h 256435"/>
                <a:gd name="connsiteX25" fmla="*/ 3693 w 170368"/>
                <a:gd name="connsiteY25" fmla="*/ 256400 h 256435"/>
                <a:gd name="connsiteX26" fmla="*/ 36 w 170368"/>
                <a:gd name="connsiteY26" fmla="*/ 253647 h 256435"/>
                <a:gd name="connsiteX27" fmla="*/ 36 w 170368"/>
                <a:gd name="connsiteY27" fmla="*/ 252732 h 256435"/>
                <a:gd name="connsiteX28" fmla="*/ 36 w 170368"/>
                <a:gd name="connsiteY28" fmla="*/ 3692 h 256435"/>
                <a:gd name="connsiteX29" fmla="*/ 2788 w 170368"/>
                <a:gd name="connsiteY29" fmla="*/ 34 h 256435"/>
                <a:gd name="connsiteX30" fmla="*/ 3693 w 170368"/>
                <a:gd name="connsiteY30" fmla="*/ 34 h 256435"/>
                <a:gd name="connsiteX31" fmla="*/ 166666 w 170368"/>
                <a:gd name="connsiteY31" fmla="*/ 34 h 256435"/>
                <a:gd name="connsiteX32" fmla="*/ 170333 w 170368"/>
                <a:gd name="connsiteY32" fmla="*/ 2777 h 256435"/>
                <a:gd name="connsiteX33" fmla="*/ 170333 w 170368"/>
                <a:gd name="connsiteY33" fmla="*/ 3692 h 256435"/>
                <a:gd name="connsiteX34" fmla="*/ 170333 w 170368"/>
                <a:gd name="connsiteY34" fmla="*/ 26761 h 256435"/>
                <a:gd name="connsiteX35" fmla="*/ 167590 w 170368"/>
                <a:gd name="connsiteY35" fmla="*/ 30428 h 256435"/>
                <a:gd name="connsiteX36" fmla="*/ 166666 w 170368"/>
                <a:gd name="connsiteY36" fmla="*/ 30428 h 2564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0368" h="256435">
                  <a:moveTo>
                    <a:pt x="166666" y="30428"/>
                  </a:moveTo>
                  <a:lnTo>
                    <a:pt x="36659" y="30428"/>
                  </a:lnTo>
                  <a:cubicBezTo>
                    <a:pt x="35954" y="30323"/>
                    <a:pt x="35297" y="30819"/>
                    <a:pt x="35192" y="31524"/>
                  </a:cubicBezTo>
                  <a:cubicBezTo>
                    <a:pt x="35173" y="31648"/>
                    <a:pt x="35173" y="31771"/>
                    <a:pt x="35192" y="31886"/>
                  </a:cubicBezTo>
                  <a:lnTo>
                    <a:pt x="35192" y="110638"/>
                  </a:lnTo>
                  <a:cubicBezTo>
                    <a:pt x="35088" y="111343"/>
                    <a:pt x="35574" y="111991"/>
                    <a:pt x="36278" y="112096"/>
                  </a:cubicBezTo>
                  <a:cubicBezTo>
                    <a:pt x="36402" y="112115"/>
                    <a:pt x="36535" y="112115"/>
                    <a:pt x="36659" y="112096"/>
                  </a:cubicBezTo>
                  <a:lnTo>
                    <a:pt x="126023" y="112096"/>
                  </a:lnTo>
                  <a:cubicBezTo>
                    <a:pt x="127804" y="111848"/>
                    <a:pt x="129442" y="113096"/>
                    <a:pt x="129680" y="114877"/>
                  </a:cubicBezTo>
                  <a:cubicBezTo>
                    <a:pt x="129719" y="115172"/>
                    <a:pt x="129719" y="115468"/>
                    <a:pt x="129680" y="115763"/>
                  </a:cubicBezTo>
                  <a:lnTo>
                    <a:pt x="129680" y="138832"/>
                  </a:lnTo>
                  <a:cubicBezTo>
                    <a:pt x="129938" y="140604"/>
                    <a:pt x="128709" y="142242"/>
                    <a:pt x="126937" y="142499"/>
                  </a:cubicBezTo>
                  <a:cubicBezTo>
                    <a:pt x="126633" y="142538"/>
                    <a:pt x="126327" y="142538"/>
                    <a:pt x="126023" y="142499"/>
                  </a:cubicBezTo>
                  <a:lnTo>
                    <a:pt x="36659" y="142499"/>
                  </a:lnTo>
                  <a:cubicBezTo>
                    <a:pt x="35954" y="142395"/>
                    <a:pt x="35297" y="142890"/>
                    <a:pt x="35192" y="143595"/>
                  </a:cubicBezTo>
                  <a:cubicBezTo>
                    <a:pt x="35173" y="143719"/>
                    <a:pt x="35173" y="143842"/>
                    <a:pt x="35192" y="143966"/>
                  </a:cubicBezTo>
                  <a:lnTo>
                    <a:pt x="35192" y="224538"/>
                  </a:lnTo>
                  <a:cubicBezTo>
                    <a:pt x="35088" y="225243"/>
                    <a:pt x="35574" y="225891"/>
                    <a:pt x="36278" y="225996"/>
                  </a:cubicBezTo>
                  <a:cubicBezTo>
                    <a:pt x="36402" y="226015"/>
                    <a:pt x="36535" y="226015"/>
                    <a:pt x="36659" y="225996"/>
                  </a:cubicBezTo>
                  <a:lnTo>
                    <a:pt x="166666" y="225996"/>
                  </a:lnTo>
                  <a:cubicBezTo>
                    <a:pt x="168438" y="225739"/>
                    <a:pt x="170076" y="226967"/>
                    <a:pt x="170333" y="228739"/>
                  </a:cubicBezTo>
                  <a:cubicBezTo>
                    <a:pt x="170381" y="229044"/>
                    <a:pt x="170381" y="229358"/>
                    <a:pt x="170333" y="229663"/>
                  </a:cubicBezTo>
                  <a:lnTo>
                    <a:pt x="170333" y="252732"/>
                  </a:lnTo>
                  <a:cubicBezTo>
                    <a:pt x="170590" y="254504"/>
                    <a:pt x="169361" y="256142"/>
                    <a:pt x="167590" y="256400"/>
                  </a:cubicBezTo>
                  <a:cubicBezTo>
                    <a:pt x="167285" y="256447"/>
                    <a:pt x="166971" y="256447"/>
                    <a:pt x="166666" y="256400"/>
                  </a:cubicBezTo>
                  <a:lnTo>
                    <a:pt x="3693" y="256400"/>
                  </a:lnTo>
                  <a:cubicBezTo>
                    <a:pt x="1922" y="256647"/>
                    <a:pt x="283" y="255418"/>
                    <a:pt x="36" y="253647"/>
                  </a:cubicBezTo>
                  <a:cubicBezTo>
                    <a:pt x="-12" y="253342"/>
                    <a:pt x="-12" y="253037"/>
                    <a:pt x="36" y="252732"/>
                  </a:cubicBezTo>
                  <a:lnTo>
                    <a:pt x="36" y="3692"/>
                  </a:lnTo>
                  <a:cubicBezTo>
                    <a:pt x="-212" y="1920"/>
                    <a:pt x="1017" y="282"/>
                    <a:pt x="2788" y="34"/>
                  </a:cubicBezTo>
                  <a:cubicBezTo>
                    <a:pt x="3093" y="-4"/>
                    <a:pt x="3398" y="-4"/>
                    <a:pt x="3693" y="34"/>
                  </a:cubicBezTo>
                  <a:lnTo>
                    <a:pt x="166666" y="34"/>
                  </a:lnTo>
                  <a:cubicBezTo>
                    <a:pt x="168438" y="-223"/>
                    <a:pt x="170076" y="1006"/>
                    <a:pt x="170333" y="2777"/>
                  </a:cubicBezTo>
                  <a:cubicBezTo>
                    <a:pt x="170371" y="3082"/>
                    <a:pt x="170371" y="3387"/>
                    <a:pt x="170333" y="3692"/>
                  </a:cubicBezTo>
                  <a:lnTo>
                    <a:pt x="170333" y="26761"/>
                  </a:lnTo>
                  <a:cubicBezTo>
                    <a:pt x="170590" y="28533"/>
                    <a:pt x="169361" y="30171"/>
                    <a:pt x="167590" y="30428"/>
                  </a:cubicBezTo>
                  <a:cubicBezTo>
                    <a:pt x="167285" y="30476"/>
                    <a:pt x="166971" y="30476"/>
                    <a:pt x="166666" y="30428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6" name="Freeform 65">
              <a:extLst>
                <a:ext uri="{FF2B5EF4-FFF2-40B4-BE49-F238E27FC236}">
                  <a16:creationId xmlns:a16="http://schemas.microsoft.com/office/drawing/2014/main" id="{8FF9B309-BDBC-4F44-B24B-5EB1CFC61ACB}"/>
                </a:ext>
              </a:extLst>
            </p:cNvPr>
            <p:cNvSpPr/>
            <p:nvPr/>
          </p:nvSpPr>
          <p:spPr bwMode="gray">
            <a:xfrm>
              <a:off x="5610713" y="2002971"/>
              <a:ext cx="178392" cy="262604"/>
            </a:xfrm>
            <a:custGeom>
              <a:avLst/>
              <a:gdLst>
                <a:gd name="connsiteX0" fmla="*/ 42692 w 178392"/>
                <a:gd name="connsiteY0" fmla="*/ 252206 h 262604"/>
                <a:gd name="connsiteX1" fmla="*/ 11193 w 178392"/>
                <a:gd name="connsiteY1" fmla="*/ 222535 h 262604"/>
                <a:gd name="connsiteX2" fmla="*/ 20 w 178392"/>
                <a:gd name="connsiteY2" fmla="*/ 178416 h 262604"/>
                <a:gd name="connsiteX3" fmla="*/ 20 w 178392"/>
                <a:gd name="connsiteY3" fmla="*/ 83613 h 262604"/>
                <a:gd name="connsiteX4" fmla="*/ 11193 w 178392"/>
                <a:gd name="connsiteY4" fmla="*/ 39798 h 262604"/>
                <a:gd name="connsiteX5" fmla="*/ 42692 w 178392"/>
                <a:gd name="connsiteY5" fmla="*/ 10499 h 262604"/>
                <a:gd name="connsiteX6" fmla="*/ 89364 w 178392"/>
                <a:gd name="connsiteY6" fmla="*/ 22 h 262604"/>
                <a:gd name="connsiteX7" fmla="*/ 135875 w 178392"/>
                <a:gd name="connsiteY7" fmla="*/ 10099 h 262604"/>
                <a:gd name="connsiteX8" fmla="*/ 167184 w 178392"/>
                <a:gd name="connsiteY8" fmla="*/ 38474 h 262604"/>
                <a:gd name="connsiteX9" fmla="*/ 178357 w 178392"/>
                <a:gd name="connsiteY9" fmla="*/ 80956 h 262604"/>
                <a:gd name="connsiteX10" fmla="*/ 178357 w 178392"/>
                <a:gd name="connsiteY10" fmla="*/ 81327 h 262604"/>
                <a:gd name="connsiteX11" fmla="*/ 177261 w 178392"/>
                <a:gd name="connsiteY11" fmla="*/ 84261 h 262604"/>
                <a:gd name="connsiteX12" fmla="*/ 174699 w 178392"/>
                <a:gd name="connsiteY12" fmla="*/ 85356 h 262604"/>
                <a:gd name="connsiteX13" fmla="*/ 146867 w 178392"/>
                <a:gd name="connsiteY13" fmla="*/ 86814 h 262604"/>
                <a:gd name="connsiteX14" fmla="*/ 143200 w 178392"/>
                <a:gd name="connsiteY14" fmla="*/ 83528 h 262604"/>
                <a:gd name="connsiteX15" fmla="*/ 143200 w 178392"/>
                <a:gd name="connsiteY15" fmla="*/ 82423 h 262604"/>
                <a:gd name="connsiteX16" fmla="*/ 128550 w 178392"/>
                <a:gd name="connsiteY16" fmla="*/ 44704 h 262604"/>
                <a:gd name="connsiteX17" fmla="*/ 89364 w 178392"/>
                <a:gd name="connsiteY17" fmla="*/ 30416 h 262604"/>
                <a:gd name="connsiteX18" fmla="*/ 49998 w 178392"/>
                <a:gd name="connsiteY18" fmla="*/ 44704 h 262604"/>
                <a:gd name="connsiteX19" fmla="*/ 35158 w 178392"/>
                <a:gd name="connsiteY19" fmla="*/ 82423 h 262604"/>
                <a:gd name="connsiteX20" fmla="*/ 35158 w 178392"/>
                <a:gd name="connsiteY20" fmla="*/ 179844 h 262604"/>
                <a:gd name="connsiteX21" fmla="*/ 49998 w 178392"/>
                <a:gd name="connsiteY21" fmla="*/ 217573 h 262604"/>
                <a:gd name="connsiteX22" fmla="*/ 89364 w 178392"/>
                <a:gd name="connsiteY22" fmla="*/ 231860 h 262604"/>
                <a:gd name="connsiteX23" fmla="*/ 128550 w 178392"/>
                <a:gd name="connsiteY23" fmla="*/ 217573 h 262604"/>
                <a:gd name="connsiteX24" fmla="*/ 143200 w 178392"/>
                <a:gd name="connsiteY24" fmla="*/ 179844 h 262604"/>
                <a:gd name="connsiteX25" fmla="*/ 143200 w 178392"/>
                <a:gd name="connsiteY25" fmla="*/ 179111 h 262604"/>
                <a:gd name="connsiteX26" fmla="*/ 146867 w 178392"/>
                <a:gd name="connsiteY26" fmla="*/ 175815 h 262604"/>
                <a:gd name="connsiteX27" fmla="*/ 174699 w 178392"/>
                <a:gd name="connsiteY27" fmla="*/ 177273 h 262604"/>
                <a:gd name="connsiteX28" fmla="*/ 178357 w 178392"/>
                <a:gd name="connsiteY28" fmla="*/ 180025 h 262604"/>
                <a:gd name="connsiteX29" fmla="*/ 178357 w 178392"/>
                <a:gd name="connsiteY29" fmla="*/ 180940 h 262604"/>
                <a:gd name="connsiteX30" fmla="*/ 167184 w 178392"/>
                <a:gd name="connsiteY30" fmla="*/ 223612 h 262604"/>
                <a:gd name="connsiteX31" fmla="*/ 135875 w 178392"/>
                <a:gd name="connsiteY31" fmla="*/ 252358 h 262604"/>
                <a:gd name="connsiteX32" fmla="*/ 42673 w 178392"/>
                <a:gd name="connsiteY32" fmla="*/ 252177 h 2626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78392" h="262604">
                  <a:moveTo>
                    <a:pt x="42692" y="252206"/>
                  </a:moveTo>
                  <a:cubicBezTo>
                    <a:pt x="29519" y="245605"/>
                    <a:pt x="18565" y="235289"/>
                    <a:pt x="11193" y="222535"/>
                  </a:cubicBezTo>
                  <a:cubicBezTo>
                    <a:pt x="3582" y="209096"/>
                    <a:pt x="-275" y="193856"/>
                    <a:pt x="20" y="178416"/>
                  </a:cubicBezTo>
                  <a:lnTo>
                    <a:pt x="20" y="83613"/>
                  </a:lnTo>
                  <a:cubicBezTo>
                    <a:pt x="-313" y="68259"/>
                    <a:pt x="3544" y="53114"/>
                    <a:pt x="11193" y="39798"/>
                  </a:cubicBezTo>
                  <a:cubicBezTo>
                    <a:pt x="18651" y="27206"/>
                    <a:pt x="29595" y="17034"/>
                    <a:pt x="42692" y="10499"/>
                  </a:cubicBezTo>
                  <a:cubicBezTo>
                    <a:pt x="57180" y="3308"/>
                    <a:pt x="73191" y="-283"/>
                    <a:pt x="89364" y="22"/>
                  </a:cubicBezTo>
                  <a:cubicBezTo>
                    <a:pt x="105443" y="-311"/>
                    <a:pt x="121378" y="3146"/>
                    <a:pt x="135875" y="10099"/>
                  </a:cubicBezTo>
                  <a:cubicBezTo>
                    <a:pt x="148810" y="16367"/>
                    <a:pt x="159678" y="26216"/>
                    <a:pt x="167184" y="38474"/>
                  </a:cubicBezTo>
                  <a:cubicBezTo>
                    <a:pt x="174804" y="51314"/>
                    <a:pt x="178671" y="66030"/>
                    <a:pt x="178357" y="80956"/>
                  </a:cubicBezTo>
                  <a:lnTo>
                    <a:pt x="178357" y="81327"/>
                  </a:lnTo>
                  <a:cubicBezTo>
                    <a:pt x="178414" y="82413"/>
                    <a:pt x="178014" y="83471"/>
                    <a:pt x="177261" y="84261"/>
                  </a:cubicBezTo>
                  <a:cubicBezTo>
                    <a:pt x="176595" y="84966"/>
                    <a:pt x="175671" y="85356"/>
                    <a:pt x="174699" y="85356"/>
                  </a:cubicBezTo>
                  <a:lnTo>
                    <a:pt x="146867" y="86814"/>
                  </a:lnTo>
                  <a:cubicBezTo>
                    <a:pt x="144419" y="86814"/>
                    <a:pt x="143190" y="85718"/>
                    <a:pt x="143200" y="83528"/>
                  </a:cubicBezTo>
                  <a:lnTo>
                    <a:pt x="143200" y="82423"/>
                  </a:lnTo>
                  <a:cubicBezTo>
                    <a:pt x="143809" y="68354"/>
                    <a:pt x="138495" y="54676"/>
                    <a:pt x="128550" y="44704"/>
                  </a:cubicBezTo>
                  <a:cubicBezTo>
                    <a:pt x="117949" y="34855"/>
                    <a:pt x="103814" y="29711"/>
                    <a:pt x="89364" y="30416"/>
                  </a:cubicBezTo>
                  <a:cubicBezTo>
                    <a:pt x="74858" y="29721"/>
                    <a:pt x="60685" y="34864"/>
                    <a:pt x="49998" y="44704"/>
                  </a:cubicBezTo>
                  <a:cubicBezTo>
                    <a:pt x="39940" y="54610"/>
                    <a:pt x="34548" y="68316"/>
                    <a:pt x="35158" y="82423"/>
                  </a:cubicBezTo>
                  <a:lnTo>
                    <a:pt x="35158" y="179844"/>
                  </a:lnTo>
                  <a:cubicBezTo>
                    <a:pt x="34548" y="193951"/>
                    <a:pt x="39940" y="207657"/>
                    <a:pt x="49998" y="217573"/>
                  </a:cubicBezTo>
                  <a:cubicBezTo>
                    <a:pt x="60685" y="227403"/>
                    <a:pt x="74858" y="232546"/>
                    <a:pt x="89364" y="231860"/>
                  </a:cubicBezTo>
                  <a:cubicBezTo>
                    <a:pt x="103814" y="232565"/>
                    <a:pt x="117939" y="227412"/>
                    <a:pt x="128550" y="217573"/>
                  </a:cubicBezTo>
                  <a:cubicBezTo>
                    <a:pt x="138495" y="207600"/>
                    <a:pt x="143809" y="193913"/>
                    <a:pt x="143200" y="179844"/>
                  </a:cubicBezTo>
                  <a:lnTo>
                    <a:pt x="143200" y="179111"/>
                  </a:lnTo>
                  <a:cubicBezTo>
                    <a:pt x="143200" y="176911"/>
                    <a:pt x="144419" y="175815"/>
                    <a:pt x="146867" y="175815"/>
                  </a:cubicBezTo>
                  <a:lnTo>
                    <a:pt x="174699" y="177273"/>
                  </a:lnTo>
                  <a:cubicBezTo>
                    <a:pt x="176471" y="177025"/>
                    <a:pt x="178109" y="178254"/>
                    <a:pt x="178357" y="180025"/>
                  </a:cubicBezTo>
                  <a:cubicBezTo>
                    <a:pt x="178404" y="180330"/>
                    <a:pt x="178404" y="180635"/>
                    <a:pt x="178357" y="180940"/>
                  </a:cubicBezTo>
                  <a:cubicBezTo>
                    <a:pt x="178661" y="195923"/>
                    <a:pt x="174794" y="210696"/>
                    <a:pt x="167184" y="223612"/>
                  </a:cubicBezTo>
                  <a:cubicBezTo>
                    <a:pt x="159697" y="235975"/>
                    <a:pt x="148829" y="245948"/>
                    <a:pt x="135875" y="252358"/>
                  </a:cubicBezTo>
                  <a:cubicBezTo>
                    <a:pt x="106309" y="266084"/>
                    <a:pt x="72181" y="266017"/>
                    <a:pt x="42673" y="25217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7" name="Freeform 66">
              <a:extLst>
                <a:ext uri="{FF2B5EF4-FFF2-40B4-BE49-F238E27FC236}">
                  <a16:creationId xmlns:a16="http://schemas.microsoft.com/office/drawing/2014/main" id="{8FCF4110-114F-A545-80A9-DC152CAFC354}"/>
                </a:ext>
              </a:extLst>
            </p:cNvPr>
            <p:cNvSpPr/>
            <p:nvPr/>
          </p:nvSpPr>
          <p:spPr bwMode="gray">
            <a:xfrm>
              <a:off x="5870724" y="2005901"/>
              <a:ext cx="179921" cy="259413"/>
            </a:xfrm>
            <a:custGeom>
              <a:avLst/>
              <a:gdLst>
                <a:gd name="connsiteX0" fmla="*/ 43066 w 179921"/>
                <a:gd name="connsiteY0" fmla="*/ 248943 h 259413"/>
                <a:gd name="connsiteX1" fmla="*/ 11386 w 179921"/>
                <a:gd name="connsiteY1" fmla="*/ 219273 h 259413"/>
                <a:gd name="connsiteX2" fmla="*/ 32 w 179921"/>
                <a:gd name="connsiteY2" fmla="*/ 175143 h 259413"/>
                <a:gd name="connsiteX3" fmla="*/ 32 w 179921"/>
                <a:gd name="connsiteY3" fmla="*/ 3693 h 259413"/>
                <a:gd name="connsiteX4" fmla="*/ 2784 w 179921"/>
                <a:gd name="connsiteY4" fmla="*/ 36 h 259413"/>
                <a:gd name="connsiteX5" fmla="*/ 3699 w 179921"/>
                <a:gd name="connsiteY5" fmla="*/ 36 h 259413"/>
                <a:gd name="connsiteX6" fmla="*/ 31531 w 179921"/>
                <a:gd name="connsiteY6" fmla="*/ 36 h 259413"/>
                <a:gd name="connsiteX7" fmla="*/ 35188 w 179921"/>
                <a:gd name="connsiteY7" fmla="*/ 2788 h 259413"/>
                <a:gd name="connsiteX8" fmla="*/ 35188 w 179921"/>
                <a:gd name="connsiteY8" fmla="*/ 3693 h 259413"/>
                <a:gd name="connsiteX9" fmla="*/ 35188 w 179921"/>
                <a:gd name="connsiteY9" fmla="*/ 175829 h 259413"/>
                <a:gd name="connsiteX10" fmla="*/ 50429 w 179921"/>
                <a:gd name="connsiteY10" fmla="*/ 214282 h 259413"/>
                <a:gd name="connsiteX11" fmla="*/ 90167 w 179921"/>
                <a:gd name="connsiteY11" fmla="*/ 228931 h 259413"/>
                <a:gd name="connsiteX12" fmla="*/ 129724 w 179921"/>
                <a:gd name="connsiteY12" fmla="*/ 214282 h 259413"/>
                <a:gd name="connsiteX13" fmla="*/ 144736 w 179921"/>
                <a:gd name="connsiteY13" fmla="*/ 175829 h 259413"/>
                <a:gd name="connsiteX14" fmla="*/ 144736 w 179921"/>
                <a:gd name="connsiteY14" fmla="*/ 3741 h 259413"/>
                <a:gd name="connsiteX15" fmla="*/ 147488 w 179921"/>
                <a:gd name="connsiteY15" fmla="*/ 83 h 259413"/>
                <a:gd name="connsiteX16" fmla="*/ 148403 w 179921"/>
                <a:gd name="connsiteY16" fmla="*/ 83 h 259413"/>
                <a:gd name="connsiteX17" fmla="*/ 176235 w 179921"/>
                <a:gd name="connsiteY17" fmla="*/ 83 h 259413"/>
                <a:gd name="connsiteX18" fmla="*/ 179892 w 179921"/>
                <a:gd name="connsiteY18" fmla="*/ 2836 h 259413"/>
                <a:gd name="connsiteX19" fmla="*/ 179892 w 179921"/>
                <a:gd name="connsiteY19" fmla="*/ 3741 h 259413"/>
                <a:gd name="connsiteX20" fmla="*/ 179892 w 179921"/>
                <a:gd name="connsiteY20" fmla="*/ 175191 h 259413"/>
                <a:gd name="connsiteX21" fmla="*/ 168720 w 179921"/>
                <a:gd name="connsiteY21" fmla="*/ 219320 h 259413"/>
                <a:gd name="connsiteX22" fmla="*/ 137230 w 179921"/>
                <a:gd name="connsiteY22" fmla="*/ 248991 h 259413"/>
                <a:gd name="connsiteX23" fmla="*/ 43104 w 179921"/>
                <a:gd name="connsiteY23" fmla="*/ 248991 h 2594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79921" h="259413">
                  <a:moveTo>
                    <a:pt x="43066" y="248943"/>
                  </a:moveTo>
                  <a:cubicBezTo>
                    <a:pt x="29874" y="242314"/>
                    <a:pt x="18872" y="232008"/>
                    <a:pt x="11386" y="219273"/>
                  </a:cubicBezTo>
                  <a:cubicBezTo>
                    <a:pt x="3661" y="205871"/>
                    <a:pt x="-264" y="190612"/>
                    <a:pt x="32" y="175143"/>
                  </a:cubicBezTo>
                  <a:lnTo>
                    <a:pt x="32" y="3693"/>
                  </a:lnTo>
                  <a:cubicBezTo>
                    <a:pt x="-216" y="1922"/>
                    <a:pt x="1013" y="283"/>
                    <a:pt x="2784" y="36"/>
                  </a:cubicBezTo>
                  <a:cubicBezTo>
                    <a:pt x="3089" y="-12"/>
                    <a:pt x="3394" y="-12"/>
                    <a:pt x="3699" y="36"/>
                  </a:cubicBezTo>
                  <a:lnTo>
                    <a:pt x="31531" y="36"/>
                  </a:lnTo>
                  <a:cubicBezTo>
                    <a:pt x="33302" y="-212"/>
                    <a:pt x="34941" y="1017"/>
                    <a:pt x="35188" y="2788"/>
                  </a:cubicBezTo>
                  <a:cubicBezTo>
                    <a:pt x="35227" y="3093"/>
                    <a:pt x="35227" y="3398"/>
                    <a:pt x="35188" y="3693"/>
                  </a:cubicBezTo>
                  <a:lnTo>
                    <a:pt x="35188" y="175829"/>
                  </a:lnTo>
                  <a:cubicBezTo>
                    <a:pt x="34608" y="190221"/>
                    <a:pt x="40141" y="204194"/>
                    <a:pt x="50429" y="214282"/>
                  </a:cubicBezTo>
                  <a:cubicBezTo>
                    <a:pt x="61182" y="224283"/>
                    <a:pt x="75489" y="229560"/>
                    <a:pt x="90167" y="228931"/>
                  </a:cubicBezTo>
                  <a:cubicBezTo>
                    <a:pt x="104788" y="229579"/>
                    <a:pt x="119047" y="224292"/>
                    <a:pt x="129724" y="214282"/>
                  </a:cubicBezTo>
                  <a:cubicBezTo>
                    <a:pt x="139887" y="204128"/>
                    <a:pt x="145336" y="190183"/>
                    <a:pt x="144736" y="175829"/>
                  </a:cubicBezTo>
                  <a:lnTo>
                    <a:pt x="144736" y="3741"/>
                  </a:lnTo>
                  <a:cubicBezTo>
                    <a:pt x="144488" y="1969"/>
                    <a:pt x="145716" y="331"/>
                    <a:pt x="147488" y="83"/>
                  </a:cubicBezTo>
                  <a:cubicBezTo>
                    <a:pt x="147793" y="36"/>
                    <a:pt x="148098" y="36"/>
                    <a:pt x="148403" y="83"/>
                  </a:cubicBezTo>
                  <a:lnTo>
                    <a:pt x="176235" y="83"/>
                  </a:lnTo>
                  <a:cubicBezTo>
                    <a:pt x="178006" y="-164"/>
                    <a:pt x="179645" y="1064"/>
                    <a:pt x="179892" y="2836"/>
                  </a:cubicBezTo>
                  <a:cubicBezTo>
                    <a:pt x="179931" y="3141"/>
                    <a:pt x="179931" y="3446"/>
                    <a:pt x="179892" y="3741"/>
                  </a:cubicBezTo>
                  <a:lnTo>
                    <a:pt x="179892" y="175191"/>
                  </a:lnTo>
                  <a:cubicBezTo>
                    <a:pt x="180188" y="190641"/>
                    <a:pt x="176330" y="205880"/>
                    <a:pt x="168720" y="219320"/>
                  </a:cubicBezTo>
                  <a:cubicBezTo>
                    <a:pt x="161347" y="232074"/>
                    <a:pt x="150403" y="242390"/>
                    <a:pt x="137230" y="248991"/>
                  </a:cubicBezTo>
                  <a:cubicBezTo>
                    <a:pt x="107397" y="262888"/>
                    <a:pt x="72936" y="262888"/>
                    <a:pt x="43104" y="248991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8" name="Freeform 67">
              <a:extLst>
                <a:ext uri="{FF2B5EF4-FFF2-40B4-BE49-F238E27FC236}">
                  <a16:creationId xmlns:a16="http://schemas.microsoft.com/office/drawing/2014/main" id="{01A0EA3D-5E24-ED4D-90F3-0571D201D0CB}"/>
                </a:ext>
              </a:extLst>
            </p:cNvPr>
            <p:cNvSpPr/>
            <p:nvPr/>
          </p:nvSpPr>
          <p:spPr bwMode="gray">
            <a:xfrm>
              <a:off x="6141363" y="2005948"/>
              <a:ext cx="178088" cy="256423"/>
            </a:xfrm>
            <a:custGeom>
              <a:avLst/>
              <a:gdLst>
                <a:gd name="connsiteX0" fmla="*/ 142139 w 178088"/>
                <a:gd name="connsiteY0" fmla="*/ 253829 h 256423"/>
                <a:gd name="connsiteX1" fmla="*/ 90866 w 178088"/>
                <a:gd name="connsiteY1" fmla="*/ 144292 h 256423"/>
                <a:gd name="connsiteX2" fmla="*/ 89399 w 178088"/>
                <a:gd name="connsiteY2" fmla="*/ 143196 h 256423"/>
                <a:gd name="connsiteX3" fmla="*/ 36669 w 178088"/>
                <a:gd name="connsiteY3" fmla="*/ 143196 h 256423"/>
                <a:gd name="connsiteX4" fmla="*/ 35202 w 178088"/>
                <a:gd name="connsiteY4" fmla="*/ 144292 h 256423"/>
                <a:gd name="connsiteX5" fmla="*/ 35202 w 178088"/>
                <a:gd name="connsiteY5" fmla="*/ 144654 h 256423"/>
                <a:gd name="connsiteX6" fmla="*/ 35202 w 178088"/>
                <a:gd name="connsiteY6" fmla="*/ 252696 h 256423"/>
                <a:gd name="connsiteX7" fmla="*/ 32459 w 178088"/>
                <a:gd name="connsiteY7" fmla="*/ 256363 h 256423"/>
                <a:gd name="connsiteX8" fmla="*/ 31535 w 178088"/>
                <a:gd name="connsiteY8" fmla="*/ 256363 h 256423"/>
                <a:gd name="connsiteX9" fmla="*/ 3703 w 178088"/>
                <a:gd name="connsiteY9" fmla="*/ 256363 h 256423"/>
                <a:gd name="connsiteX10" fmla="*/ 36 w 178088"/>
                <a:gd name="connsiteY10" fmla="*/ 253620 h 256423"/>
                <a:gd name="connsiteX11" fmla="*/ 36 w 178088"/>
                <a:gd name="connsiteY11" fmla="*/ 252696 h 256423"/>
                <a:gd name="connsiteX12" fmla="*/ 36 w 178088"/>
                <a:gd name="connsiteY12" fmla="*/ 3693 h 256423"/>
                <a:gd name="connsiteX13" fmla="*/ 2788 w 178088"/>
                <a:gd name="connsiteY13" fmla="*/ 36 h 256423"/>
                <a:gd name="connsiteX14" fmla="*/ 3703 w 178088"/>
                <a:gd name="connsiteY14" fmla="*/ 36 h 256423"/>
                <a:gd name="connsiteX15" fmla="*/ 102220 w 178088"/>
                <a:gd name="connsiteY15" fmla="*/ 36 h 256423"/>
                <a:gd name="connsiteX16" fmla="*/ 140863 w 178088"/>
                <a:gd name="connsiteY16" fmla="*/ 9189 h 256423"/>
                <a:gd name="connsiteX17" fmla="*/ 166676 w 178088"/>
                <a:gd name="connsiteY17" fmla="*/ 34821 h 256423"/>
                <a:gd name="connsiteX18" fmla="*/ 175829 w 178088"/>
                <a:gd name="connsiteY18" fmla="*/ 72921 h 256423"/>
                <a:gd name="connsiteX19" fmla="*/ 162494 w 178088"/>
                <a:gd name="connsiteY19" fmla="*/ 116326 h 256423"/>
                <a:gd name="connsiteX20" fmla="*/ 125347 w 178088"/>
                <a:gd name="connsiteY20" fmla="*/ 140310 h 256423"/>
                <a:gd name="connsiteX21" fmla="*/ 124623 w 178088"/>
                <a:gd name="connsiteY21" fmla="*/ 142149 h 256423"/>
                <a:gd name="connsiteX22" fmla="*/ 177725 w 178088"/>
                <a:gd name="connsiteY22" fmla="*/ 252020 h 256423"/>
                <a:gd name="connsiteX23" fmla="*/ 178087 w 178088"/>
                <a:gd name="connsiteY23" fmla="*/ 253839 h 256423"/>
                <a:gd name="connsiteX24" fmla="*/ 175162 w 178088"/>
                <a:gd name="connsiteY24" fmla="*/ 256411 h 256423"/>
                <a:gd name="connsiteX25" fmla="*/ 146226 w 178088"/>
                <a:gd name="connsiteY25" fmla="*/ 256411 h 256423"/>
                <a:gd name="connsiteX26" fmla="*/ 142139 w 178088"/>
                <a:gd name="connsiteY26" fmla="*/ 253829 h 256423"/>
                <a:gd name="connsiteX27" fmla="*/ 35202 w 178088"/>
                <a:gd name="connsiteY27" fmla="*/ 31897 h 256423"/>
                <a:gd name="connsiteX28" fmla="*/ 35202 w 178088"/>
                <a:gd name="connsiteY28" fmla="*/ 113974 h 256423"/>
                <a:gd name="connsiteX29" fmla="*/ 36307 w 178088"/>
                <a:gd name="connsiteY29" fmla="*/ 115431 h 256423"/>
                <a:gd name="connsiteX30" fmla="*/ 36669 w 178088"/>
                <a:gd name="connsiteY30" fmla="*/ 115431 h 256423"/>
                <a:gd name="connsiteX31" fmla="*/ 97829 w 178088"/>
                <a:gd name="connsiteY31" fmla="*/ 115431 h 256423"/>
                <a:gd name="connsiteX32" fmla="*/ 128956 w 178088"/>
                <a:gd name="connsiteY32" fmla="*/ 103896 h 256423"/>
                <a:gd name="connsiteX33" fmla="*/ 140673 w 178088"/>
                <a:gd name="connsiteY33" fmla="*/ 73321 h 256423"/>
                <a:gd name="connsiteX34" fmla="*/ 103087 w 178088"/>
                <a:gd name="connsiteY34" fmla="*/ 30459 h 256423"/>
                <a:gd name="connsiteX35" fmla="*/ 97810 w 178088"/>
                <a:gd name="connsiteY35" fmla="*/ 30459 h 256423"/>
                <a:gd name="connsiteX36" fmla="*/ 36650 w 178088"/>
                <a:gd name="connsiteY36" fmla="*/ 30459 h 256423"/>
                <a:gd name="connsiteX37" fmla="*/ 35202 w 178088"/>
                <a:gd name="connsiteY37" fmla="*/ 31583 h 256423"/>
                <a:gd name="connsiteX38" fmla="*/ 35202 w 178088"/>
                <a:gd name="connsiteY38" fmla="*/ 31887 h 2564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78088" h="256423">
                  <a:moveTo>
                    <a:pt x="142139" y="253829"/>
                  </a:moveTo>
                  <a:lnTo>
                    <a:pt x="90866" y="144292"/>
                  </a:lnTo>
                  <a:cubicBezTo>
                    <a:pt x="90704" y="143625"/>
                    <a:pt x="90085" y="143168"/>
                    <a:pt x="89399" y="143196"/>
                  </a:cubicBezTo>
                  <a:lnTo>
                    <a:pt x="36669" y="143196"/>
                  </a:lnTo>
                  <a:cubicBezTo>
                    <a:pt x="35964" y="143092"/>
                    <a:pt x="35307" y="143587"/>
                    <a:pt x="35202" y="144292"/>
                  </a:cubicBezTo>
                  <a:cubicBezTo>
                    <a:pt x="35183" y="144416"/>
                    <a:pt x="35183" y="144540"/>
                    <a:pt x="35202" y="144654"/>
                  </a:cubicBezTo>
                  <a:lnTo>
                    <a:pt x="35202" y="252696"/>
                  </a:lnTo>
                  <a:cubicBezTo>
                    <a:pt x="35459" y="254468"/>
                    <a:pt x="34231" y="256106"/>
                    <a:pt x="32459" y="256363"/>
                  </a:cubicBezTo>
                  <a:cubicBezTo>
                    <a:pt x="32154" y="256411"/>
                    <a:pt x="31840" y="256411"/>
                    <a:pt x="31535" y="256363"/>
                  </a:cubicBezTo>
                  <a:lnTo>
                    <a:pt x="3703" y="256363"/>
                  </a:lnTo>
                  <a:cubicBezTo>
                    <a:pt x="1931" y="256620"/>
                    <a:pt x="293" y="255391"/>
                    <a:pt x="36" y="253620"/>
                  </a:cubicBezTo>
                  <a:cubicBezTo>
                    <a:pt x="-12" y="253315"/>
                    <a:pt x="-12" y="253001"/>
                    <a:pt x="36" y="252696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3" y="36"/>
                  </a:cubicBezTo>
                  <a:lnTo>
                    <a:pt x="102220" y="36"/>
                  </a:lnTo>
                  <a:cubicBezTo>
                    <a:pt x="115669" y="-250"/>
                    <a:pt x="128966" y="2903"/>
                    <a:pt x="140863" y="9189"/>
                  </a:cubicBezTo>
                  <a:cubicBezTo>
                    <a:pt x="151750" y="15076"/>
                    <a:pt x="160713" y="23972"/>
                    <a:pt x="166676" y="34821"/>
                  </a:cubicBezTo>
                  <a:cubicBezTo>
                    <a:pt x="172953" y="46518"/>
                    <a:pt x="176105" y="59643"/>
                    <a:pt x="175829" y="72921"/>
                  </a:cubicBezTo>
                  <a:cubicBezTo>
                    <a:pt x="176324" y="88466"/>
                    <a:pt x="171638" y="103734"/>
                    <a:pt x="162494" y="116326"/>
                  </a:cubicBezTo>
                  <a:cubicBezTo>
                    <a:pt x="153264" y="128376"/>
                    <a:pt x="140130" y="136853"/>
                    <a:pt x="125347" y="140310"/>
                  </a:cubicBezTo>
                  <a:cubicBezTo>
                    <a:pt x="124394" y="140806"/>
                    <a:pt x="124128" y="141406"/>
                    <a:pt x="124623" y="142149"/>
                  </a:cubicBezTo>
                  <a:lnTo>
                    <a:pt x="177725" y="252020"/>
                  </a:lnTo>
                  <a:cubicBezTo>
                    <a:pt x="177982" y="252591"/>
                    <a:pt x="178106" y="253210"/>
                    <a:pt x="178087" y="253839"/>
                  </a:cubicBezTo>
                  <a:cubicBezTo>
                    <a:pt x="178087" y="255553"/>
                    <a:pt x="177134" y="256411"/>
                    <a:pt x="175162" y="256411"/>
                  </a:cubicBezTo>
                  <a:lnTo>
                    <a:pt x="146226" y="256411"/>
                  </a:lnTo>
                  <a:cubicBezTo>
                    <a:pt x="144444" y="256554"/>
                    <a:pt x="142778" y="255506"/>
                    <a:pt x="142139" y="253829"/>
                  </a:cubicBezTo>
                  <a:close/>
                  <a:moveTo>
                    <a:pt x="35202" y="31897"/>
                  </a:moveTo>
                  <a:lnTo>
                    <a:pt x="35202" y="113974"/>
                  </a:lnTo>
                  <a:cubicBezTo>
                    <a:pt x="35107" y="114679"/>
                    <a:pt x="35602" y="115336"/>
                    <a:pt x="36307" y="115431"/>
                  </a:cubicBezTo>
                  <a:cubicBezTo>
                    <a:pt x="36431" y="115450"/>
                    <a:pt x="36554" y="115450"/>
                    <a:pt x="36669" y="115431"/>
                  </a:cubicBezTo>
                  <a:lnTo>
                    <a:pt x="97829" y="115431"/>
                  </a:lnTo>
                  <a:cubicBezTo>
                    <a:pt x="109345" y="115974"/>
                    <a:pt x="120575" y="111812"/>
                    <a:pt x="128956" y="103896"/>
                  </a:cubicBezTo>
                  <a:cubicBezTo>
                    <a:pt x="136938" y="95781"/>
                    <a:pt x="141187" y="84694"/>
                    <a:pt x="140673" y="73321"/>
                  </a:cubicBezTo>
                  <a:cubicBezTo>
                    <a:pt x="142130" y="51109"/>
                    <a:pt x="125299" y="31916"/>
                    <a:pt x="103087" y="30459"/>
                  </a:cubicBezTo>
                  <a:cubicBezTo>
                    <a:pt x="101334" y="30344"/>
                    <a:pt x="99572" y="30344"/>
                    <a:pt x="97810" y="30459"/>
                  </a:cubicBezTo>
                  <a:lnTo>
                    <a:pt x="36650" y="30459"/>
                  </a:lnTo>
                  <a:cubicBezTo>
                    <a:pt x="35935" y="30373"/>
                    <a:pt x="35288" y="30878"/>
                    <a:pt x="35202" y="31583"/>
                  </a:cubicBezTo>
                  <a:cubicBezTo>
                    <a:pt x="35192" y="31687"/>
                    <a:pt x="35192" y="31783"/>
                    <a:pt x="35202" y="31887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9" name="Freeform 68">
              <a:extLst>
                <a:ext uri="{FF2B5EF4-FFF2-40B4-BE49-F238E27FC236}">
                  <a16:creationId xmlns:a16="http://schemas.microsoft.com/office/drawing/2014/main" id="{3B09DBA5-83E4-FD4F-BB3D-E7D50BB3CD0B}"/>
                </a:ext>
              </a:extLst>
            </p:cNvPr>
            <p:cNvSpPr/>
            <p:nvPr/>
          </p:nvSpPr>
          <p:spPr bwMode="gray">
            <a:xfrm>
              <a:off x="6399196" y="2005948"/>
              <a:ext cx="35226" cy="256436"/>
            </a:xfrm>
            <a:custGeom>
              <a:avLst/>
              <a:gdLst>
                <a:gd name="connsiteX0" fmla="*/ 36 w 35226"/>
                <a:gd name="connsiteY0" fmla="*/ 252734 h 256436"/>
                <a:gd name="connsiteX1" fmla="*/ 36 w 35226"/>
                <a:gd name="connsiteY1" fmla="*/ 3693 h 256436"/>
                <a:gd name="connsiteX2" fmla="*/ 2788 w 35226"/>
                <a:gd name="connsiteY2" fmla="*/ 36 h 256436"/>
                <a:gd name="connsiteX3" fmla="*/ 3702 w 35226"/>
                <a:gd name="connsiteY3" fmla="*/ 36 h 256436"/>
                <a:gd name="connsiteX4" fmla="*/ 31525 w 35226"/>
                <a:gd name="connsiteY4" fmla="*/ 36 h 256436"/>
                <a:gd name="connsiteX5" fmla="*/ 35192 w 35226"/>
                <a:gd name="connsiteY5" fmla="*/ 2808 h 256436"/>
                <a:gd name="connsiteX6" fmla="*/ 35192 w 35226"/>
                <a:gd name="connsiteY6" fmla="*/ 3693 h 256436"/>
                <a:gd name="connsiteX7" fmla="*/ 35192 w 35226"/>
                <a:gd name="connsiteY7" fmla="*/ 252734 h 256436"/>
                <a:gd name="connsiteX8" fmla="*/ 32449 w 35226"/>
                <a:gd name="connsiteY8" fmla="*/ 256401 h 256436"/>
                <a:gd name="connsiteX9" fmla="*/ 31525 w 35226"/>
                <a:gd name="connsiteY9" fmla="*/ 256401 h 256436"/>
                <a:gd name="connsiteX10" fmla="*/ 3702 w 35226"/>
                <a:gd name="connsiteY10" fmla="*/ 256401 h 256436"/>
                <a:gd name="connsiteX11" fmla="*/ 36 w 35226"/>
                <a:gd name="connsiteY11" fmla="*/ 253658 h 256436"/>
                <a:gd name="connsiteX12" fmla="*/ 36 w 35226"/>
                <a:gd name="connsiteY12" fmla="*/ 252734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5226" h="256436">
                  <a:moveTo>
                    <a:pt x="36" y="252734"/>
                  </a:move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3" y="-12"/>
                    <a:pt x="3398" y="-12"/>
                    <a:pt x="3702" y="36"/>
                  </a:cubicBezTo>
                  <a:lnTo>
                    <a:pt x="31525" y="36"/>
                  </a:lnTo>
                  <a:cubicBezTo>
                    <a:pt x="33306" y="-212"/>
                    <a:pt x="34945" y="1026"/>
                    <a:pt x="35192" y="2808"/>
                  </a:cubicBezTo>
                  <a:cubicBezTo>
                    <a:pt x="35230" y="3103"/>
                    <a:pt x="35230" y="3398"/>
                    <a:pt x="35192" y="3693"/>
                  </a:cubicBezTo>
                  <a:lnTo>
                    <a:pt x="35192" y="252734"/>
                  </a:lnTo>
                  <a:cubicBezTo>
                    <a:pt x="35449" y="254506"/>
                    <a:pt x="34221" y="256144"/>
                    <a:pt x="32449" y="256401"/>
                  </a:cubicBezTo>
                  <a:cubicBezTo>
                    <a:pt x="32144" y="256449"/>
                    <a:pt x="31830" y="256449"/>
                    <a:pt x="31525" y="256401"/>
                  </a:cubicBezTo>
                  <a:lnTo>
                    <a:pt x="3702" y="256401"/>
                  </a:lnTo>
                  <a:cubicBezTo>
                    <a:pt x="1931" y="256658"/>
                    <a:pt x="293" y="255429"/>
                    <a:pt x="36" y="253658"/>
                  </a:cubicBezTo>
                  <a:cubicBezTo>
                    <a:pt x="-12" y="253353"/>
                    <a:pt x="-12" y="253039"/>
                    <a:pt x="36" y="252734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0" name="Freeform 69">
              <a:extLst>
                <a:ext uri="{FF2B5EF4-FFF2-40B4-BE49-F238E27FC236}">
                  <a16:creationId xmlns:a16="http://schemas.microsoft.com/office/drawing/2014/main" id="{DB7FCD51-6179-B043-A561-715F6E083426}"/>
                </a:ext>
              </a:extLst>
            </p:cNvPr>
            <p:cNvSpPr/>
            <p:nvPr/>
          </p:nvSpPr>
          <p:spPr bwMode="gray">
            <a:xfrm>
              <a:off x="6507961" y="2005952"/>
              <a:ext cx="182816" cy="256432"/>
            </a:xfrm>
            <a:custGeom>
              <a:avLst/>
              <a:gdLst>
                <a:gd name="connsiteX0" fmla="*/ 182783 w 182816"/>
                <a:gd name="connsiteY0" fmla="*/ 3689 h 256432"/>
                <a:gd name="connsiteX1" fmla="*/ 182783 w 182816"/>
                <a:gd name="connsiteY1" fmla="*/ 27130 h 256432"/>
                <a:gd name="connsiteX2" fmla="*/ 180049 w 182816"/>
                <a:gd name="connsiteY2" fmla="*/ 30788 h 256432"/>
                <a:gd name="connsiteX3" fmla="*/ 179125 w 182816"/>
                <a:gd name="connsiteY3" fmla="*/ 30788 h 256432"/>
                <a:gd name="connsiteX4" fmla="*/ 108812 w 182816"/>
                <a:gd name="connsiteY4" fmla="*/ 30788 h 256432"/>
                <a:gd name="connsiteX5" fmla="*/ 107345 w 182816"/>
                <a:gd name="connsiteY5" fmla="*/ 31883 h 256432"/>
                <a:gd name="connsiteX6" fmla="*/ 107345 w 182816"/>
                <a:gd name="connsiteY6" fmla="*/ 32255 h 256432"/>
                <a:gd name="connsiteX7" fmla="*/ 107345 w 182816"/>
                <a:gd name="connsiteY7" fmla="*/ 252730 h 256432"/>
                <a:gd name="connsiteX8" fmla="*/ 104601 w 182816"/>
                <a:gd name="connsiteY8" fmla="*/ 256397 h 256432"/>
                <a:gd name="connsiteX9" fmla="*/ 103678 w 182816"/>
                <a:gd name="connsiteY9" fmla="*/ 256397 h 256432"/>
                <a:gd name="connsiteX10" fmla="*/ 75846 w 182816"/>
                <a:gd name="connsiteY10" fmla="*/ 256397 h 256432"/>
                <a:gd name="connsiteX11" fmla="*/ 72178 w 182816"/>
                <a:gd name="connsiteY11" fmla="*/ 253654 h 256432"/>
                <a:gd name="connsiteX12" fmla="*/ 72178 w 182816"/>
                <a:gd name="connsiteY12" fmla="*/ 252730 h 256432"/>
                <a:gd name="connsiteX13" fmla="*/ 72178 w 182816"/>
                <a:gd name="connsiteY13" fmla="*/ 32255 h 256432"/>
                <a:gd name="connsiteX14" fmla="*/ 71083 w 182816"/>
                <a:gd name="connsiteY14" fmla="*/ 30788 h 256432"/>
                <a:gd name="connsiteX15" fmla="*/ 70721 w 182816"/>
                <a:gd name="connsiteY15" fmla="*/ 30788 h 256432"/>
                <a:gd name="connsiteX16" fmla="*/ 3694 w 182816"/>
                <a:gd name="connsiteY16" fmla="*/ 30788 h 256432"/>
                <a:gd name="connsiteX17" fmla="*/ 36 w 182816"/>
                <a:gd name="connsiteY17" fmla="*/ 28054 h 256432"/>
                <a:gd name="connsiteX18" fmla="*/ 36 w 182816"/>
                <a:gd name="connsiteY18" fmla="*/ 27130 h 256432"/>
                <a:gd name="connsiteX19" fmla="*/ 36 w 182816"/>
                <a:gd name="connsiteY19" fmla="*/ 3689 h 256432"/>
                <a:gd name="connsiteX20" fmla="*/ 2788 w 182816"/>
                <a:gd name="connsiteY20" fmla="*/ 32 h 256432"/>
                <a:gd name="connsiteX21" fmla="*/ 3694 w 182816"/>
                <a:gd name="connsiteY21" fmla="*/ 32 h 256432"/>
                <a:gd name="connsiteX22" fmla="*/ 179125 w 182816"/>
                <a:gd name="connsiteY22" fmla="*/ 32 h 256432"/>
                <a:gd name="connsiteX23" fmla="*/ 182783 w 182816"/>
                <a:gd name="connsiteY23" fmla="*/ 2784 h 256432"/>
                <a:gd name="connsiteX24" fmla="*/ 182783 w 182816"/>
                <a:gd name="connsiteY24" fmla="*/ 3689 h 256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82816" h="256432">
                  <a:moveTo>
                    <a:pt x="182783" y="3689"/>
                  </a:moveTo>
                  <a:lnTo>
                    <a:pt x="182783" y="27130"/>
                  </a:lnTo>
                  <a:cubicBezTo>
                    <a:pt x="183040" y="28892"/>
                    <a:pt x="181811" y="30531"/>
                    <a:pt x="180049" y="30788"/>
                  </a:cubicBezTo>
                  <a:cubicBezTo>
                    <a:pt x="179744" y="30836"/>
                    <a:pt x="179430" y="30836"/>
                    <a:pt x="179125" y="30788"/>
                  </a:cubicBezTo>
                  <a:lnTo>
                    <a:pt x="108812" y="30788"/>
                  </a:lnTo>
                  <a:cubicBezTo>
                    <a:pt x="108106" y="30683"/>
                    <a:pt x="107450" y="31179"/>
                    <a:pt x="107345" y="31883"/>
                  </a:cubicBezTo>
                  <a:cubicBezTo>
                    <a:pt x="107326" y="32007"/>
                    <a:pt x="107326" y="32131"/>
                    <a:pt x="107345" y="32255"/>
                  </a:cubicBezTo>
                  <a:lnTo>
                    <a:pt x="107345" y="252730"/>
                  </a:lnTo>
                  <a:cubicBezTo>
                    <a:pt x="107602" y="254502"/>
                    <a:pt x="106373" y="256140"/>
                    <a:pt x="104601" y="256397"/>
                  </a:cubicBezTo>
                  <a:cubicBezTo>
                    <a:pt x="104297" y="256445"/>
                    <a:pt x="103982" y="256445"/>
                    <a:pt x="103678" y="256397"/>
                  </a:cubicBezTo>
                  <a:lnTo>
                    <a:pt x="75846" y="256397"/>
                  </a:lnTo>
                  <a:cubicBezTo>
                    <a:pt x="74074" y="256654"/>
                    <a:pt x="72435" y="255425"/>
                    <a:pt x="72178" y="253654"/>
                  </a:cubicBezTo>
                  <a:cubicBezTo>
                    <a:pt x="72131" y="253349"/>
                    <a:pt x="72131" y="253035"/>
                    <a:pt x="72178" y="252730"/>
                  </a:cubicBezTo>
                  <a:lnTo>
                    <a:pt x="72178" y="32255"/>
                  </a:lnTo>
                  <a:cubicBezTo>
                    <a:pt x="72283" y="31550"/>
                    <a:pt x="71788" y="30893"/>
                    <a:pt x="71083" y="30788"/>
                  </a:cubicBezTo>
                  <a:cubicBezTo>
                    <a:pt x="70959" y="30769"/>
                    <a:pt x="70845" y="30769"/>
                    <a:pt x="70721" y="30788"/>
                  </a:cubicBezTo>
                  <a:lnTo>
                    <a:pt x="3694" y="30788"/>
                  </a:lnTo>
                  <a:cubicBezTo>
                    <a:pt x="1932" y="31045"/>
                    <a:pt x="293" y="29816"/>
                    <a:pt x="36" y="28054"/>
                  </a:cubicBezTo>
                  <a:cubicBezTo>
                    <a:pt x="-12" y="27750"/>
                    <a:pt x="-12" y="27435"/>
                    <a:pt x="36" y="27130"/>
                  </a:cubicBezTo>
                  <a:lnTo>
                    <a:pt x="36" y="3689"/>
                  </a:lnTo>
                  <a:cubicBezTo>
                    <a:pt x="-212" y="1918"/>
                    <a:pt x="1017" y="279"/>
                    <a:pt x="2788" y="32"/>
                  </a:cubicBezTo>
                  <a:cubicBezTo>
                    <a:pt x="3094" y="-6"/>
                    <a:pt x="3398" y="-6"/>
                    <a:pt x="3694" y="32"/>
                  </a:cubicBezTo>
                  <a:lnTo>
                    <a:pt x="179125" y="32"/>
                  </a:lnTo>
                  <a:cubicBezTo>
                    <a:pt x="180897" y="-216"/>
                    <a:pt x="182535" y="1013"/>
                    <a:pt x="182783" y="2784"/>
                  </a:cubicBezTo>
                  <a:cubicBezTo>
                    <a:pt x="182821" y="3089"/>
                    <a:pt x="182821" y="3394"/>
                    <a:pt x="182783" y="368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1" name="Freeform 70">
              <a:extLst>
                <a:ext uri="{FF2B5EF4-FFF2-40B4-BE49-F238E27FC236}">
                  <a16:creationId xmlns:a16="http://schemas.microsoft.com/office/drawing/2014/main" id="{0C3E6B4E-7532-834E-8590-C8BB94A1647A}"/>
                </a:ext>
              </a:extLst>
            </p:cNvPr>
            <p:cNvSpPr/>
            <p:nvPr/>
          </p:nvSpPr>
          <p:spPr bwMode="gray">
            <a:xfrm>
              <a:off x="6731738" y="2005959"/>
              <a:ext cx="189582" cy="256063"/>
            </a:xfrm>
            <a:custGeom>
              <a:avLst/>
              <a:gdLst>
                <a:gd name="connsiteX0" fmla="*/ 76935 w 189582"/>
                <a:gd name="connsiteY0" fmla="*/ 252361 h 256063"/>
                <a:gd name="connsiteX1" fmla="*/ 76935 w 189582"/>
                <a:gd name="connsiteY1" fmla="*/ 149443 h 256063"/>
                <a:gd name="connsiteX2" fmla="*/ 76573 w 189582"/>
                <a:gd name="connsiteY2" fmla="*/ 147614 h 256063"/>
                <a:gd name="connsiteX3" fmla="*/ 373 w 189582"/>
                <a:gd name="connsiteY3" fmla="*/ 4425 h 256063"/>
                <a:gd name="connsiteX4" fmla="*/ 2 w 189582"/>
                <a:gd name="connsiteY4" fmla="*/ 2587 h 256063"/>
                <a:gd name="connsiteX5" fmla="*/ 2935 w 189582"/>
                <a:gd name="connsiteY5" fmla="*/ 25 h 256063"/>
                <a:gd name="connsiteX6" fmla="*/ 32968 w 189582"/>
                <a:gd name="connsiteY6" fmla="*/ 25 h 256063"/>
                <a:gd name="connsiteX7" fmla="*/ 37359 w 189582"/>
                <a:gd name="connsiteY7" fmla="*/ 2587 h 256063"/>
                <a:gd name="connsiteX8" fmla="*/ 93394 w 189582"/>
                <a:gd name="connsiteY8" fmla="*/ 109895 h 256063"/>
                <a:gd name="connsiteX9" fmla="*/ 94947 w 189582"/>
                <a:gd name="connsiteY9" fmla="*/ 110543 h 256063"/>
                <a:gd name="connsiteX10" fmla="*/ 95594 w 189582"/>
                <a:gd name="connsiteY10" fmla="*/ 109895 h 256063"/>
                <a:gd name="connsiteX11" fmla="*/ 151630 w 189582"/>
                <a:gd name="connsiteY11" fmla="*/ 2587 h 256063"/>
                <a:gd name="connsiteX12" fmla="*/ 156021 w 189582"/>
                <a:gd name="connsiteY12" fmla="*/ 25 h 256063"/>
                <a:gd name="connsiteX13" fmla="*/ 186425 w 189582"/>
                <a:gd name="connsiteY13" fmla="*/ 25 h 256063"/>
                <a:gd name="connsiteX14" fmla="*/ 189168 w 189582"/>
                <a:gd name="connsiteY14" fmla="*/ 1301 h 256063"/>
                <a:gd name="connsiteX15" fmla="*/ 188987 w 189582"/>
                <a:gd name="connsiteY15" fmla="*/ 4425 h 256063"/>
                <a:gd name="connsiteX16" fmla="*/ 112444 w 189582"/>
                <a:gd name="connsiteY16" fmla="*/ 147614 h 256063"/>
                <a:gd name="connsiteX17" fmla="*/ 112082 w 189582"/>
                <a:gd name="connsiteY17" fmla="*/ 149443 h 256063"/>
                <a:gd name="connsiteX18" fmla="*/ 112082 w 189582"/>
                <a:gd name="connsiteY18" fmla="*/ 252361 h 256063"/>
                <a:gd name="connsiteX19" fmla="*/ 109339 w 189582"/>
                <a:gd name="connsiteY19" fmla="*/ 256028 h 256063"/>
                <a:gd name="connsiteX20" fmla="*/ 108415 w 189582"/>
                <a:gd name="connsiteY20" fmla="*/ 256028 h 256063"/>
                <a:gd name="connsiteX21" fmla="*/ 80574 w 189582"/>
                <a:gd name="connsiteY21" fmla="*/ 256028 h 256063"/>
                <a:gd name="connsiteX22" fmla="*/ 76935 w 189582"/>
                <a:gd name="connsiteY22" fmla="*/ 253247 h 256063"/>
                <a:gd name="connsiteX23" fmla="*/ 76935 w 189582"/>
                <a:gd name="connsiteY23" fmla="*/ 252361 h 256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89582" h="256063">
                  <a:moveTo>
                    <a:pt x="76935" y="252361"/>
                  </a:moveTo>
                  <a:lnTo>
                    <a:pt x="76935" y="149443"/>
                  </a:lnTo>
                  <a:cubicBezTo>
                    <a:pt x="77011" y="148815"/>
                    <a:pt x="76887" y="148167"/>
                    <a:pt x="76573" y="147614"/>
                  </a:cubicBezTo>
                  <a:lnTo>
                    <a:pt x="373" y="4425"/>
                  </a:lnTo>
                  <a:cubicBezTo>
                    <a:pt x="107" y="3854"/>
                    <a:pt x="-17" y="3215"/>
                    <a:pt x="2" y="2587"/>
                  </a:cubicBezTo>
                  <a:cubicBezTo>
                    <a:pt x="2" y="882"/>
                    <a:pt x="954" y="25"/>
                    <a:pt x="2935" y="25"/>
                  </a:cubicBezTo>
                  <a:lnTo>
                    <a:pt x="32968" y="25"/>
                  </a:lnTo>
                  <a:cubicBezTo>
                    <a:pt x="34835" y="-175"/>
                    <a:pt x="36616" y="863"/>
                    <a:pt x="37359" y="2587"/>
                  </a:cubicBezTo>
                  <a:lnTo>
                    <a:pt x="93394" y="109895"/>
                  </a:lnTo>
                  <a:cubicBezTo>
                    <a:pt x="93642" y="110505"/>
                    <a:pt x="94347" y="110791"/>
                    <a:pt x="94947" y="110543"/>
                  </a:cubicBezTo>
                  <a:cubicBezTo>
                    <a:pt x="95242" y="110419"/>
                    <a:pt x="95471" y="110191"/>
                    <a:pt x="95594" y="109895"/>
                  </a:cubicBezTo>
                  <a:lnTo>
                    <a:pt x="151630" y="2587"/>
                  </a:lnTo>
                  <a:cubicBezTo>
                    <a:pt x="152373" y="863"/>
                    <a:pt x="154154" y="-175"/>
                    <a:pt x="156021" y="25"/>
                  </a:cubicBezTo>
                  <a:lnTo>
                    <a:pt x="186425" y="25"/>
                  </a:lnTo>
                  <a:cubicBezTo>
                    <a:pt x="187502" y="-42"/>
                    <a:pt x="188530" y="434"/>
                    <a:pt x="189168" y="1301"/>
                  </a:cubicBezTo>
                  <a:cubicBezTo>
                    <a:pt x="189778" y="2272"/>
                    <a:pt x="189711" y="3530"/>
                    <a:pt x="188987" y="4425"/>
                  </a:cubicBezTo>
                  <a:lnTo>
                    <a:pt x="112444" y="147614"/>
                  </a:lnTo>
                  <a:cubicBezTo>
                    <a:pt x="112130" y="148167"/>
                    <a:pt x="111997" y="148815"/>
                    <a:pt x="112082" y="149443"/>
                  </a:cubicBezTo>
                  <a:lnTo>
                    <a:pt x="112082" y="252361"/>
                  </a:lnTo>
                  <a:cubicBezTo>
                    <a:pt x="112339" y="254133"/>
                    <a:pt x="111111" y="255771"/>
                    <a:pt x="109339" y="256028"/>
                  </a:cubicBezTo>
                  <a:cubicBezTo>
                    <a:pt x="109034" y="256075"/>
                    <a:pt x="108720" y="256075"/>
                    <a:pt x="108415" y="256028"/>
                  </a:cubicBezTo>
                  <a:lnTo>
                    <a:pt x="80574" y="256028"/>
                  </a:lnTo>
                  <a:cubicBezTo>
                    <a:pt x="78802" y="256266"/>
                    <a:pt x="77173" y="255028"/>
                    <a:pt x="76935" y="253247"/>
                  </a:cubicBezTo>
                  <a:cubicBezTo>
                    <a:pt x="76887" y="252951"/>
                    <a:pt x="76897" y="252656"/>
                    <a:pt x="76935" y="252361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2" name="Freeform 71">
              <a:extLst>
                <a:ext uri="{FF2B5EF4-FFF2-40B4-BE49-F238E27FC236}">
                  <a16:creationId xmlns:a16="http://schemas.microsoft.com/office/drawing/2014/main" id="{0A41D89D-DCF4-5749-9C02-A5FA852DB4EE}"/>
                </a:ext>
              </a:extLst>
            </p:cNvPr>
            <p:cNvSpPr/>
            <p:nvPr/>
          </p:nvSpPr>
          <p:spPr bwMode="gray">
            <a:xfrm>
              <a:off x="7085357" y="2005969"/>
              <a:ext cx="207176" cy="256397"/>
            </a:xfrm>
            <a:custGeom>
              <a:avLst/>
              <a:gdLst>
                <a:gd name="connsiteX0" fmla="*/ 169391 w 207176"/>
                <a:gd name="connsiteY0" fmla="*/ 253446 h 256397"/>
                <a:gd name="connsiteX1" fmla="*/ 156199 w 207176"/>
                <a:gd name="connsiteY1" fmla="*/ 210584 h 256397"/>
                <a:gd name="connsiteX2" fmla="*/ 154741 w 207176"/>
                <a:gd name="connsiteY2" fmla="*/ 209488 h 256397"/>
                <a:gd name="connsiteX3" fmla="*/ 51871 w 207176"/>
                <a:gd name="connsiteY3" fmla="*/ 209488 h 256397"/>
                <a:gd name="connsiteX4" fmla="*/ 50414 w 207176"/>
                <a:gd name="connsiteY4" fmla="*/ 210584 h 256397"/>
                <a:gd name="connsiteX5" fmla="*/ 37222 w 207176"/>
                <a:gd name="connsiteY5" fmla="*/ 253446 h 256397"/>
                <a:gd name="connsiteX6" fmla="*/ 32831 w 207176"/>
                <a:gd name="connsiteY6" fmla="*/ 256380 h 256397"/>
                <a:gd name="connsiteX7" fmla="*/ 3170 w 207176"/>
                <a:gd name="connsiteY7" fmla="*/ 256380 h 256397"/>
                <a:gd name="connsiteX8" fmla="*/ 236 w 207176"/>
                <a:gd name="connsiteY8" fmla="*/ 252351 h 256397"/>
                <a:gd name="connsiteX9" fmla="*/ 80437 w 207176"/>
                <a:gd name="connsiteY9" fmla="*/ 2939 h 256397"/>
                <a:gd name="connsiteX10" fmla="*/ 84838 w 207176"/>
                <a:gd name="connsiteY10" fmla="*/ 14 h 256397"/>
                <a:gd name="connsiteX11" fmla="*/ 121461 w 207176"/>
                <a:gd name="connsiteY11" fmla="*/ 14 h 256397"/>
                <a:gd name="connsiteX12" fmla="*/ 125852 w 207176"/>
                <a:gd name="connsiteY12" fmla="*/ 2939 h 256397"/>
                <a:gd name="connsiteX13" fmla="*/ 206814 w 207176"/>
                <a:gd name="connsiteY13" fmla="*/ 252351 h 256397"/>
                <a:gd name="connsiteX14" fmla="*/ 207177 w 207176"/>
                <a:gd name="connsiteY14" fmla="*/ 253808 h 256397"/>
                <a:gd name="connsiteX15" fmla="*/ 203881 w 207176"/>
                <a:gd name="connsiteY15" fmla="*/ 256380 h 256397"/>
                <a:gd name="connsiteX16" fmla="*/ 173848 w 207176"/>
                <a:gd name="connsiteY16" fmla="*/ 256380 h 256397"/>
                <a:gd name="connsiteX17" fmla="*/ 169391 w 207176"/>
                <a:gd name="connsiteY17" fmla="*/ 253446 h 256397"/>
                <a:gd name="connsiteX18" fmla="*/ 59701 w 207176"/>
                <a:gd name="connsiteY18" fmla="*/ 181113 h 256397"/>
                <a:gd name="connsiteX19" fmla="*/ 60977 w 207176"/>
                <a:gd name="connsiteY19" fmla="*/ 181666 h 256397"/>
                <a:gd name="connsiteX20" fmla="*/ 145216 w 207176"/>
                <a:gd name="connsiteY20" fmla="*/ 181666 h 256397"/>
                <a:gd name="connsiteX21" fmla="*/ 146492 w 207176"/>
                <a:gd name="connsiteY21" fmla="*/ 181113 h 256397"/>
                <a:gd name="connsiteX22" fmla="*/ 146683 w 207176"/>
                <a:gd name="connsiteY22" fmla="*/ 179837 h 256397"/>
                <a:gd name="connsiteX23" fmla="*/ 104192 w 207176"/>
                <a:gd name="connsiteY23" fmla="*/ 43963 h 256397"/>
                <a:gd name="connsiteX24" fmla="*/ 102659 w 207176"/>
                <a:gd name="connsiteY24" fmla="*/ 43306 h 256397"/>
                <a:gd name="connsiteX25" fmla="*/ 102002 w 207176"/>
                <a:gd name="connsiteY25" fmla="*/ 43963 h 256397"/>
                <a:gd name="connsiteX26" fmla="*/ 59511 w 207176"/>
                <a:gd name="connsiteY26" fmla="*/ 179837 h 256397"/>
                <a:gd name="connsiteX27" fmla="*/ 59701 w 207176"/>
                <a:gd name="connsiteY27" fmla="*/ 181113 h 256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07176" h="256397">
                  <a:moveTo>
                    <a:pt x="169391" y="253446"/>
                  </a:moveTo>
                  <a:lnTo>
                    <a:pt x="156199" y="210584"/>
                  </a:lnTo>
                  <a:cubicBezTo>
                    <a:pt x="156037" y="209917"/>
                    <a:pt x="155427" y="209460"/>
                    <a:pt x="154741" y="209488"/>
                  </a:cubicBezTo>
                  <a:lnTo>
                    <a:pt x="51871" y="209488"/>
                  </a:lnTo>
                  <a:cubicBezTo>
                    <a:pt x="51185" y="209450"/>
                    <a:pt x="50566" y="209917"/>
                    <a:pt x="50414" y="210584"/>
                  </a:cubicBezTo>
                  <a:lnTo>
                    <a:pt x="37222" y="253446"/>
                  </a:lnTo>
                  <a:cubicBezTo>
                    <a:pt x="36613" y="255322"/>
                    <a:pt x="34793" y="256532"/>
                    <a:pt x="32831" y="256380"/>
                  </a:cubicBezTo>
                  <a:lnTo>
                    <a:pt x="3170" y="256380"/>
                  </a:lnTo>
                  <a:cubicBezTo>
                    <a:pt x="475" y="256380"/>
                    <a:pt x="-497" y="255037"/>
                    <a:pt x="236" y="252351"/>
                  </a:cubicBezTo>
                  <a:lnTo>
                    <a:pt x="80437" y="2939"/>
                  </a:lnTo>
                  <a:cubicBezTo>
                    <a:pt x="81056" y="1062"/>
                    <a:pt x="82875" y="-138"/>
                    <a:pt x="84838" y="14"/>
                  </a:cubicBezTo>
                  <a:lnTo>
                    <a:pt x="121461" y="14"/>
                  </a:lnTo>
                  <a:cubicBezTo>
                    <a:pt x="123423" y="-147"/>
                    <a:pt x="125243" y="1062"/>
                    <a:pt x="125852" y="2939"/>
                  </a:cubicBezTo>
                  <a:lnTo>
                    <a:pt x="206814" y="252351"/>
                  </a:lnTo>
                  <a:lnTo>
                    <a:pt x="207177" y="253808"/>
                  </a:lnTo>
                  <a:cubicBezTo>
                    <a:pt x="207177" y="255523"/>
                    <a:pt x="206081" y="256380"/>
                    <a:pt x="203881" y="256380"/>
                  </a:cubicBezTo>
                  <a:lnTo>
                    <a:pt x="173848" y="256380"/>
                  </a:lnTo>
                  <a:cubicBezTo>
                    <a:pt x="171858" y="256561"/>
                    <a:pt x="170010" y="255342"/>
                    <a:pt x="169391" y="253446"/>
                  </a:cubicBezTo>
                  <a:close/>
                  <a:moveTo>
                    <a:pt x="59701" y="181113"/>
                  </a:moveTo>
                  <a:cubicBezTo>
                    <a:pt x="60034" y="181466"/>
                    <a:pt x="60491" y="181666"/>
                    <a:pt x="60977" y="181666"/>
                  </a:cubicBezTo>
                  <a:lnTo>
                    <a:pt x="145216" y="181666"/>
                  </a:lnTo>
                  <a:cubicBezTo>
                    <a:pt x="145702" y="181666"/>
                    <a:pt x="146159" y="181466"/>
                    <a:pt x="146492" y="181113"/>
                  </a:cubicBezTo>
                  <a:cubicBezTo>
                    <a:pt x="146855" y="180790"/>
                    <a:pt x="146931" y="180256"/>
                    <a:pt x="146683" y="179837"/>
                  </a:cubicBezTo>
                  <a:lnTo>
                    <a:pt x="104192" y="43963"/>
                  </a:lnTo>
                  <a:cubicBezTo>
                    <a:pt x="103944" y="43353"/>
                    <a:pt x="103259" y="43068"/>
                    <a:pt x="102659" y="43306"/>
                  </a:cubicBezTo>
                  <a:cubicBezTo>
                    <a:pt x="102354" y="43429"/>
                    <a:pt x="102125" y="43667"/>
                    <a:pt x="102002" y="43963"/>
                  </a:cubicBezTo>
                  <a:lnTo>
                    <a:pt x="59511" y="179837"/>
                  </a:lnTo>
                  <a:cubicBezTo>
                    <a:pt x="59263" y="180256"/>
                    <a:pt x="59339" y="180790"/>
                    <a:pt x="59701" y="18111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3" name="Freeform 72">
              <a:extLst>
                <a:ext uri="{FF2B5EF4-FFF2-40B4-BE49-F238E27FC236}">
                  <a16:creationId xmlns:a16="http://schemas.microsoft.com/office/drawing/2014/main" id="{A258760C-A1A7-B24C-B6A3-17401CB28655}"/>
                </a:ext>
              </a:extLst>
            </p:cNvPr>
            <p:cNvSpPr/>
            <p:nvPr/>
          </p:nvSpPr>
          <p:spPr bwMode="gray">
            <a:xfrm>
              <a:off x="7360179" y="2005867"/>
              <a:ext cx="175871" cy="256635"/>
            </a:xfrm>
            <a:custGeom>
              <a:avLst/>
              <a:gdLst>
                <a:gd name="connsiteX0" fmla="*/ 40 w 175871"/>
                <a:gd name="connsiteY0" fmla="*/ 252816 h 256635"/>
                <a:gd name="connsiteX1" fmla="*/ 40 w 175871"/>
                <a:gd name="connsiteY1" fmla="*/ 3775 h 256635"/>
                <a:gd name="connsiteX2" fmla="*/ 2792 w 175871"/>
                <a:gd name="connsiteY2" fmla="*/ 117 h 256635"/>
                <a:gd name="connsiteX3" fmla="*/ 3707 w 175871"/>
                <a:gd name="connsiteY3" fmla="*/ 117 h 256635"/>
                <a:gd name="connsiteX4" fmla="*/ 92289 w 175871"/>
                <a:gd name="connsiteY4" fmla="*/ 117 h 256635"/>
                <a:gd name="connsiteX5" fmla="*/ 153087 w 175871"/>
                <a:gd name="connsiteY5" fmla="*/ 20072 h 256635"/>
                <a:gd name="connsiteX6" fmla="*/ 175814 w 175871"/>
                <a:gd name="connsiteY6" fmla="*/ 73365 h 256635"/>
                <a:gd name="connsiteX7" fmla="*/ 175814 w 175871"/>
                <a:gd name="connsiteY7" fmla="*/ 183226 h 256635"/>
                <a:gd name="connsiteX8" fmla="*/ 153106 w 175871"/>
                <a:gd name="connsiteY8" fmla="*/ 236518 h 256635"/>
                <a:gd name="connsiteX9" fmla="*/ 92308 w 175871"/>
                <a:gd name="connsiteY9" fmla="*/ 256521 h 256635"/>
                <a:gd name="connsiteX10" fmla="*/ 3725 w 175871"/>
                <a:gd name="connsiteY10" fmla="*/ 256521 h 256635"/>
                <a:gd name="connsiteX11" fmla="*/ 40 w 175871"/>
                <a:gd name="connsiteY11" fmla="*/ 253806 h 256635"/>
                <a:gd name="connsiteX12" fmla="*/ 40 w 175871"/>
                <a:gd name="connsiteY12" fmla="*/ 252816 h 256635"/>
                <a:gd name="connsiteX13" fmla="*/ 36663 w 175871"/>
                <a:gd name="connsiteY13" fmla="*/ 226079 h 256635"/>
                <a:gd name="connsiteX14" fmla="*/ 93813 w 175871"/>
                <a:gd name="connsiteY14" fmla="*/ 226079 h 256635"/>
                <a:gd name="connsiteX15" fmla="*/ 127693 w 175871"/>
                <a:gd name="connsiteY15" fmla="*/ 213077 h 256635"/>
                <a:gd name="connsiteX16" fmla="*/ 140695 w 175871"/>
                <a:gd name="connsiteY16" fmla="*/ 178101 h 256635"/>
                <a:gd name="connsiteX17" fmla="*/ 140695 w 175871"/>
                <a:gd name="connsiteY17" fmla="*/ 78489 h 256635"/>
                <a:gd name="connsiteX18" fmla="*/ 128056 w 175871"/>
                <a:gd name="connsiteY18" fmla="*/ 43513 h 256635"/>
                <a:gd name="connsiteX19" fmla="*/ 93765 w 175871"/>
                <a:gd name="connsiteY19" fmla="*/ 30511 h 256635"/>
                <a:gd name="connsiteX20" fmla="*/ 36615 w 175871"/>
                <a:gd name="connsiteY20" fmla="*/ 30511 h 256635"/>
                <a:gd name="connsiteX21" fmla="*/ 35148 w 175871"/>
                <a:gd name="connsiteY21" fmla="*/ 31607 h 256635"/>
                <a:gd name="connsiteX22" fmla="*/ 35148 w 175871"/>
                <a:gd name="connsiteY22" fmla="*/ 31969 h 256635"/>
                <a:gd name="connsiteX23" fmla="*/ 35148 w 175871"/>
                <a:gd name="connsiteY23" fmla="*/ 224622 h 256635"/>
                <a:gd name="connsiteX24" fmla="*/ 36225 w 175871"/>
                <a:gd name="connsiteY24" fmla="*/ 226088 h 256635"/>
                <a:gd name="connsiteX25" fmla="*/ 36663 w 175871"/>
                <a:gd name="connsiteY25" fmla="*/ 226079 h 2566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75871" h="256635">
                  <a:moveTo>
                    <a:pt x="40" y="252816"/>
                  </a:moveTo>
                  <a:lnTo>
                    <a:pt x="40" y="3775"/>
                  </a:lnTo>
                  <a:cubicBezTo>
                    <a:pt x="-208" y="2003"/>
                    <a:pt x="1020" y="365"/>
                    <a:pt x="2792" y="117"/>
                  </a:cubicBezTo>
                  <a:cubicBezTo>
                    <a:pt x="3097" y="70"/>
                    <a:pt x="3402" y="70"/>
                    <a:pt x="3707" y="117"/>
                  </a:cubicBezTo>
                  <a:lnTo>
                    <a:pt x="92289" y="117"/>
                  </a:lnTo>
                  <a:cubicBezTo>
                    <a:pt x="114330" y="-1016"/>
                    <a:pt x="135999" y="6099"/>
                    <a:pt x="153087" y="20072"/>
                  </a:cubicBezTo>
                  <a:cubicBezTo>
                    <a:pt x="168298" y="33512"/>
                    <a:pt x="176642" y="53086"/>
                    <a:pt x="175814" y="73365"/>
                  </a:cubicBezTo>
                  <a:lnTo>
                    <a:pt x="175814" y="183226"/>
                  </a:lnTo>
                  <a:cubicBezTo>
                    <a:pt x="176652" y="203505"/>
                    <a:pt x="168308" y="223078"/>
                    <a:pt x="153106" y="236518"/>
                  </a:cubicBezTo>
                  <a:cubicBezTo>
                    <a:pt x="136028" y="250510"/>
                    <a:pt x="114358" y="257645"/>
                    <a:pt x="92308" y="256521"/>
                  </a:cubicBezTo>
                  <a:lnTo>
                    <a:pt x="3725" y="256521"/>
                  </a:lnTo>
                  <a:cubicBezTo>
                    <a:pt x="1954" y="256787"/>
                    <a:pt x="306" y="255578"/>
                    <a:pt x="40" y="253806"/>
                  </a:cubicBezTo>
                  <a:cubicBezTo>
                    <a:pt x="-18" y="253482"/>
                    <a:pt x="-8" y="253139"/>
                    <a:pt x="40" y="252816"/>
                  </a:cubicBezTo>
                  <a:close/>
                  <a:moveTo>
                    <a:pt x="36663" y="226079"/>
                  </a:moveTo>
                  <a:lnTo>
                    <a:pt x="93813" y="226079"/>
                  </a:lnTo>
                  <a:cubicBezTo>
                    <a:pt x="106434" y="226679"/>
                    <a:pt x="118721" y="221964"/>
                    <a:pt x="127693" y="213077"/>
                  </a:cubicBezTo>
                  <a:cubicBezTo>
                    <a:pt x="136447" y="203571"/>
                    <a:pt x="141114" y="191017"/>
                    <a:pt x="140695" y="178101"/>
                  </a:cubicBezTo>
                  <a:lnTo>
                    <a:pt x="140695" y="78489"/>
                  </a:lnTo>
                  <a:cubicBezTo>
                    <a:pt x="141352" y="65602"/>
                    <a:pt x="136799" y="53000"/>
                    <a:pt x="128056" y="43513"/>
                  </a:cubicBezTo>
                  <a:cubicBezTo>
                    <a:pt x="118950" y="34569"/>
                    <a:pt x="106510" y="29845"/>
                    <a:pt x="93765" y="30511"/>
                  </a:cubicBezTo>
                  <a:lnTo>
                    <a:pt x="36615" y="30511"/>
                  </a:lnTo>
                  <a:cubicBezTo>
                    <a:pt x="35911" y="30407"/>
                    <a:pt x="35253" y="30902"/>
                    <a:pt x="35148" y="31607"/>
                  </a:cubicBezTo>
                  <a:cubicBezTo>
                    <a:pt x="35129" y="31731"/>
                    <a:pt x="35129" y="31855"/>
                    <a:pt x="35148" y="31969"/>
                  </a:cubicBezTo>
                  <a:lnTo>
                    <a:pt x="35148" y="224622"/>
                  </a:lnTo>
                  <a:cubicBezTo>
                    <a:pt x="35044" y="225327"/>
                    <a:pt x="35520" y="225984"/>
                    <a:pt x="36225" y="226088"/>
                  </a:cubicBezTo>
                  <a:cubicBezTo>
                    <a:pt x="36368" y="226108"/>
                    <a:pt x="36520" y="226108"/>
                    <a:pt x="36663" y="226079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4" name="Freeform 73">
              <a:extLst>
                <a:ext uri="{FF2B5EF4-FFF2-40B4-BE49-F238E27FC236}">
                  <a16:creationId xmlns:a16="http://schemas.microsoft.com/office/drawing/2014/main" id="{3A91B984-8F1B-1743-8818-5847110AF3A2}"/>
                </a:ext>
              </a:extLst>
            </p:cNvPr>
            <p:cNvSpPr/>
            <p:nvPr/>
          </p:nvSpPr>
          <p:spPr bwMode="gray">
            <a:xfrm>
              <a:off x="7589475" y="2005971"/>
              <a:ext cx="196541" cy="256391"/>
            </a:xfrm>
            <a:custGeom>
              <a:avLst/>
              <a:gdLst>
                <a:gd name="connsiteX0" fmla="*/ 78743 w 196541"/>
                <a:gd name="connsiteY0" fmla="*/ 253445 h 256391"/>
                <a:gd name="connsiteX1" fmla="*/ 371 w 196541"/>
                <a:gd name="connsiteY1" fmla="*/ 4042 h 256391"/>
                <a:gd name="connsiteX2" fmla="*/ 0 w 196541"/>
                <a:gd name="connsiteY2" fmla="*/ 2575 h 256391"/>
                <a:gd name="connsiteX3" fmla="*/ 3296 w 196541"/>
                <a:gd name="connsiteY3" fmla="*/ 13 h 256391"/>
                <a:gd name="connsiteX4" fmla="*/ 32966 w 196541"/>
                <a:gd name="connsiteY4" fmla="*/ 13 h 256391"/>
                <a:gd name="connsiteX5" fmla="*/ 37357 w 196541"/>
                <a:gd name="connsiteY5" fmla="*/ 2937 h 256391"/>
                <a:gd name="connsiteX6" fmla="*/ 97784 w 196541"/>
                <a:gd name="connsiteY6" fmla="*/ 205467 h 256391"/>
                <a:gd name="connsiteX7" fmla="*/ 99336 w 196541"/>
                <a:gd name="connsiteY7" fmla="*/ 206115 h 256391"/>
                <a:gd name="connsiteX8" fmla="*/ 99984 w 196541"/>
                <a:gd name="connsiteY8" fmla="*/ 205467 h 256391"/>
                <a:gd name="connsiteX9" fmla="*/ 160411 w 196541"/>
                <a:gd name="connsiteY9" fmla="*/ 2937 h 256391"/>
                <a:gd name="connsiteX10" fmla="*/ 164440 w 196541"/>
                <a:gd name="connsiteY10" fmla="*/ 13 h 256391"/>
                <a:gd name="connsiteX11" fmla="*/ 193377 w 196541"/>
                <a:gd name="connsiteY11" fmla="*/ 13 h 256391"/>
                <a:gd name="connsiteX12" fmla="*/ 196310 w 196541"/>
                <a:gd name="connsiteY12" fmla="*/ 4042 h 256391"/>
                <a:gd name="connsiteX13" fmla="*/ 117196 w 196541"/>
                <a:gd name="connsiteY13" fmla="*/ 253445 h 256391"/>
                <a:gd name="connsiteX14" fmla="*/ 112805 w 196541"/>
                <a:gd name="connsiteY14" fmla="*/ 256378 h 256391"/>
                <a:gd name="connsiteX15" fmla="*/ 83134 w 196541"/>
                <a:gd name="connsiteY15" fmla="*/ 256378 h 256391"/>
                <a:gd name="connsiteX16" fmla="*/ 78743 w 196541"/>
                <a:gd name="connsiteY16" fmla="*/ 253445 h 2563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96541" h="256391">
                  <a:moveTo>
                    <a:pt x="78743" y="253445"/>
                  </a:moveTo>
                  <a:lnTo>
                    <a:pt x="371" y="4042"/>
                  </a:lnTo>
                  <a:lnTo>
                    <a:pt x="0" y="2575"/>
                  </a:lnTo>
                  <a:cubicBezTo>
                    <a:pt x="0" y="870"/>
                    <a:pt x="1095" y="23"/>
                    <a:pt x="3296" y="13"/>
                  </a:cubicBezTo>
                  <a:lnTo>
                    <a:pt x="32966" y="13"/>
                  </a:lnTo>
                  <a:cubicBezTo>
                    <a:pt x="34928" y="-140"/>
                    <a:pt x="36748" y="1070"/>
                    <a:pt x="37357" y="2937"/>
                  </a:cubicBezTo>
                  <a:lnTo>
                    <a:pt x="97784" y="205467"/>
                  </a:lnTo>
                  <a:cubicBezTo>
                    <a:pt x="98031" y="206077"/>
                    <a:pt x="98727" y="206363"/>
                    <a:pt x="99336" y="206115"/>
                  </a:cubicBezTo>
                  <a:cubicBezTo>
                    <a:pt x="99632" y="205991"/>
                    <a:pt x="99860" y="205763"/>
                    <a:pt x="99984" y="205467"/>
                  </a:cubicBezTo>
                  <a:lnTo>
                    <a:pt x="160411" y="2937"/>
                  </a:lnTo>
                  <a:cubicBezTo>
                    <a:pt x="160915" y="1146"/>
                    <a:pt x="162583" y="-54"/>
                    <a:pt x="164440" y="13"/>
                  </a:cubicBezTo>
                  <a:lnTo>
                    <a:pt x="193377" y="13"/>
                  </a:lnTo>
                  <a:cubicBezTo>
                    <a:pt x="196062" y="13"/>
                    <a:pt x="197034" y="1356"/>
                    <a:pt x="196310" y="4042"/>
                  </a:cubicBezTo>
                  <a:lnTo>
                    <a:pt x="117196" y="253445"/>
                  </a:lnTo>
                  <a:cubicBezTo>
                    <a:pt x="116586" y="255321"/>
                    <a:pt x="114767" y="256531"/>
                    <a:pt x="112805" y="256378"/>
                  </a:cubicBezTo>
                  <a:lnTo>
                    <a:pt x="83134" y="256378"/>
                  </a:lnTo>
                  <a:cubicBezTo>
                    <a:pt x="81172" y="256531"/>
                    <a:pt x="79353" y="255321"/>
                    <a:pt x="78743" y="253445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5" name="Freeform 74">
              <a:extLst>
                <a:ext uri="{FF2B5EF4-FFF2-40B4-BE49-F238E27FC236}">
                  <a16:creationId xmlns:a16="http://schemas.microsoft.com/office/drawing/2014/main" id="{060FF335-A2D5-1241-B0AD-2B57088AA67E}"/>
                </a:ext>
              </a:extLst>
            </p:cNvPr>
            <p:cNvSpPr/>
            <p:nvPr/>
          </p:nvSpPr>
          <p:spPr bwMode="gray">
            <a:xfrm>
              <a:off x="7815220" y="2005969"/>
              <a:ext cx="207176" cy="256397"/>
            </a:xfrm>
            <a:custGeom>
              <a:avLst/>
              <a:gdLst>
                <a:gd name="connsiteX0" fmla="*/ 169400 w 207176"/>
                <a:gd name="connsiteY0" fmla="*/ 253446 h 256397"/>
                <a:gd name="connsiteX1" fmla="*/ 156218 w 207176"/>
                <a:gd name="connsiteY1" fmla="*/ 210584 h 256397"/>
                <a:gd name="connsiteX2" fmla="*/ 154751 w 207176"/>
                <a:gd name="connsiteY2" fmla="*/ 209488 h 256397"/>
                <a:gd name="connsiteX3" fmla="*/ 51881 w 207176"/>
                <a:gd name="connsiteY3" fmla="*/ 209488 h 256397"/>
                <a:gd name="connsiteX4" fmla="*/ 50414 w 207176"/>
                <a:gd name="connsiteY4" fmla="*/ 210584 h 256397"/>
                <a:gd name="connsiteX5" fmla="*/ 37231 w 207176"/>
                <a:gd name="connsiteY5" fmla="*/ 253446 h 256397"/>
                <a:gd name="connsiteX6" fmla="*/ 32831 w 207176"/>
                <a:gd name="connsiteY6" fmla="*/ 256380 h 256397"/>
                <a:gd name="connsiteX7" fmla="*/ 3170 w 207176"/>
                <a:gd name="connsiteY7" fmla="*/ 256380 h 256397"/>
                <a:gd name="connsiteX8" fmla="*/ 237 w 207176"/>
                <a:gd name="connsiteY8" fmla="*/ 252351 h 256397"/>
                <a:gd name="connsiteX9" fmla="*/ 80446 w 207176"/>
                <a:gd name="connsiteY9" fmla="*/ 2939 h 256397"/>
                <a:gd name="connsiteX10" fmla="*/ 84837 w 207176"/>
                <a:gd name="connsiteY10" fmla="*/ 14 h 256397"/>
                <a:gd name="connsiteX11" fmla="*/ 121461 w 207176"/>
                <a:gd name="connsiteY11" fmla="*/ 14 h 256397"/>
                <a:gd name="connsiteX12" fmla="*/ 125852 w 207176"/>
                <a:gd name="connsiteY12" fmla="*/ 2939 h 256397"/>
                <a:gd name="connsiteX13" fmla="*/ 206815 w 207176"/>
                <a:gd name="connsiteY13" fmla="*/ 252351 h 256397"/>
                <a:gd name="connsiteX14" fmla="*/ 207176 w 207176"/>
                <a:gd name="connsiteY14" fmla="*/ 253808 h 256397"/>
                <a:gd name="connsiteX15" fmla="*/ 203881 w 207176"/>
                <a:gd name="connsiteY15" fmla="*/ 256380 h 256397"/>
                <a:gd name="connsiteX16" fmla="*/ 173849 w 207176"/>
                <a:gd name="connsiteY16" fmla="*/ 256380 h 256397"/>
                <a:gd name="connsiteX17" fmla="*/ 169400 w 207176"/>
                <a:gd name="connsiteY17" fmla="*/ 253446 h 256397"/>
                <a:gd name="connsiteX18" fmla="*/ 59710 w 207176"/>
                <a:gd name="connsiteY18" fmla="*/ 181113 h 256397"/>
                <a:gd name="connsiteX19" fmla="*/ 60996 w 207176"/>
                <a:gd name="connsiteY19" fmla="*/ 181666 h 256397"/>
                <a:gd name="connsiteX20" fmla="*/ 145226 w 207176"/>
                <a:gd name="connsiteY20" fmla="*/ 181666 h 256397"/>
                <a:gd name="connsiteX21" fmla="*/ 146512 w 207176"/>
                <a:gd name="connsiteY21" fmla="*/ 181113 h 256397"/>
                <a:gd name="connsiteX22" fmla="*/ 146693 w 207176"/>
                <a:gd name="connsiteY22" fmla="*/ 179837 h 256397"/>
                <a:gd name="connsiteX23" fmla="*/ 104211 w 207176"/>
                <a:gd name="connsiteY23" fmla="*/ 43963 h 256397"/>
                <a:gd name="connsiteX24" fmla="*/ 102659 w 207176"/>
                <a:gd name="connsiteY24" fmla="*/ 43315 h 256397"/>
                <a:gd name="connsiteX25" fmla="*/ 102011 w 207176"/>
                <a:gd name="connsiteY25" fmla="*/ 43963 h 256397"/>
                <a:gd name="connsiteX26" fmla="*/ 59529 w 207176"/>
                <a:gd name="connsiteY26" fmla="*/ 179837 h 256397"/>
                <a:gd name="connsiteX27" fmla="*/ 59739 w 207176"/>
                <a:gd name="connsiteY27" fmla="*/ 181113 h 256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07176" h="256397">
                  <a:moveTo>
                    <a:pt x="169400" y="253446"/>
                  </a:moveTo>
                  <a:lnTo>
                    <a:pt x="156218" y="210584"/>
                  </a:lnTo>
                  <a:cubicBezTo>
                    <a:pt x="156046" y="209917"/>
                    <a:pt x="155436" y="209460"/>
                    <a:pt x="154751" y="209488"/>
                  </a:cubicBezTo>
                  <a:lnTo>
                    <a:pt x="51881" y="209488"/>
                  </a:lnTo>
                  <a:cubicBezTo>
                    <a:pt x="51195" y="209450"/>
                    <a:pt x="50576" y="209917"/>
                    <a:pt x="50414" y="210584"/>
                  </a:cubicBezTo>
                  <a:lnTo>
                    <a:pt x="37231" y="253446"/>
                  </a:lnTo>
                  <a:cubicBezTo>
                    <a:pt x="36622" y="255322"/>
                    <a:pt x="34802" y="256532"/>
                    <a:pt x="32831" y="256380"/>
                  </a:cubicBezTo>
                  <a:lnTo>
                    <a:pt x="3170" y="256380"/>
                  </a:lnTo>
                  <a:cubicBezTo>
                    <a:pt x="474" y="256380"/>
                    <a:pt x="-497" y="255037"/>
                    <a:pt x="237" y="252351"/>
                  </a:cubicBezTo>
                  <a:lnTo>
                    <a:pt x="80446" y="2939"/>
                  </a:lnTo>
                  <a:cubicBezTo>
                    <a:pt x="81056" y="1062"/>
                    <a:pt x="82875" y="-147"/>
                    <a:pt x="84837" y="14"/>
                  </a:cubicBezTo>
                  <a:lnTo>
                    <a:pt x="121461" y="14"/>
                  </a:lnTo>
                  <a:cubicBezTo>
                    <a:pt x="123423" y="-147"/>
                    <a:pt x="125242" y="1062"/>
                    <a:pt x="125852" y="2939"/>
                  </a:cubicBezTo>
                  <a:lnTo>
                    <a:pt x="206815" y="252351"/>
                  </a:lnTo>
                  <a:lnTo>
                    <a:pt x="207176" y="253808"/>
                  </a:lnTo>
                  <a:cubicBezTo>
                    <a:pt x="207176" y="255523"/>
                    <a:pt x="206081" y="256380"/>
                    <a:pt x="203881" y="256380"/>
                  </a:cubicBezTo>
                  <a:lnTo>
                    <a:pt x="173849" y="256380"/>
                  </a:lnTo>
                  <a:cubicBezTo>
                    <a:pt x="171867" y="256561"/>
                    <a:pt x="170019" y="255342"/>
                    <a:pt x="169400" y="253446"/>
                  </a:cubicBezTo>
                  <a:close/>
                  <a:moveTo>
                    <a:pt x="59710" y="181113"/>
                  </a:moveTo>
                  <a:cubicBezTo>
                    <a:pt x="60044" y="181466"/>
                    <a:pt x="60511" y="181666"/>
                    <a:pt x="60996" y="181666"/>
                  </a:cubicBezTo>
                  <a:lnTo>
                    <a:pt x="145226" y="181666"/>
                  </a:lnTo>
                  <a:cubicBezTo>
                    <a:pt x="145711" y="181666"/>
                    <a:pt x="146178" y="181466"/>
                    <a:pt x="146512" y="181113"/>
                  </a:cubicBezTo>
                  <a:cubicBezTo>
                    <a:pt x="146874" y="180790"/>
                    <a:pt x="146950" y="180247"/>
                    <a:pt x="146693" y="179837"/>
                  </a:cubicBezTo>
                  <a:lnTo>
                    <a:pt x="104211" y="43963"/>
                  </a:lnTo>
                  <a:cubicBezTo>
                    <a:pt x="103963" y="43353"/>
                    <a:pt x="103259" y="43068"/>
                    <a:pt x="102659" y="43315"/>
                  </a:cubicBezTo>
                  <a:cubicBezTo>
                    <a:pt x="102363" y="43439"/>
                    <a:pt x="102135" y="43667"/>
                    <a:pt x="102011" y="43963"/>
                  </a:cubicBezTo>
                  <a:lnTo>
                    <a:pt x="59529" y="179837"/>
                  </a:lnTo>
                  <a:cubicBezTo>
                    <a:pt x="59282" y="180256"/>
                    <a:pt x="59367" y="180799"/>
                    <a:pt x="59739" y="18111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6" name="Freeform 75">
              <a:extLst>
                <a:ext uri="{FF2B5EF4-FFF2-40B4-BE49-F238E27FC236}">
                  <a16:creationId xmlns:a16="http://schemas.microsoft.com/office/drawing/2014/main" id="{EDD55C1D-D83F-FC4C-BB0D-454558533403}"/>
                </a:ext>
              </a:extLst>
            </p:cNvPr>
            <p:cNvSpPr/>
            <p:nvPr/>
          </p:nvSpPr>
          <p:spPr bwMode="gray">
            <a:xfrm>
              <a:off x="8093731" y="2005948"/>
              <a:ext cx="186131" cy="256436"/>
            </a:xfrm>
            <a:custGeom>
              <a:avLst/>
              <a:gdLst>
                <a:gd name="connsiteX0" fmla="*/ 154607 w 186131"/>
                <a:gd name="connsiteY0" fmla="*/ 36 h 256436"/>
                <a:gd name="connsiteX1" fmla="*/ 182430 w 186131"/>
                <a:gd name="connsiteY1" fmla="*/ 36 h 256436"/>
                <a:gd name="connsiteX2" fmla="*/ 186097 w 186131"/>
                <a:gd name="connsiteY2" fmla="*/ 2779 h 256436"/>
                <a:gd name="connsiteX3" fmla="*/ 186097 w 186131"/>
                <a:gd name="connsiteY3" fmla="*/ 3693 h 256436"/>
                <a:gd name="connsiteX4" fmla="*/ 186097 w 186131"/>
                <a:gd name="connsiteY4" fmla="*/ 252734 h 256436"/>
                <a:gd name="connsiteX5" fmla="*/ 183354 w 186131"/>
                <a:gd name="connsiteY5" fmla="*/ 256401 h 256436"/>
                <a:gd name="connsiteX6" fmla="*/ 182430 w 186131"/>
                <a:gd name="connsiteY6" fmla="*/ 256401 h 256436"/>
                <a:gd name="connsiteX7" fmla="*/ 155684 w 186131"/>
                <a:gd name="connsiteY7" fmla="*/ 256401 h 256436"/>
                <a:gd name="connsiteX8" fmla="*/ 151283 w 186131"/>
                <a:gd name="connsiteY8" fmla="*/ 253829 h 256436"/>
                <a:gd name="connsiteX9" fmla="*/ 36659 w 186131"/>
                <a:gd name="connsiteY9" fmla="*/ 66692 h 256436"/>
                <a:gd name="connsiteX10" fmla="*/ 35555 w 186131"/>
                <a:gd name="connsiteY10" fmla="*/ 65739 h 256436"/>
                <a:gd name="connsiteX11" fmla="*/ 34821 w 186131"/>
                <a:gd name="connsiteY11" fmla="*/ 67025 h 256436"/>
                <a:gd name="connsiteX12" fmla="*/ 35192 w 186131"/>
                <a:gd name="connsiteY12" fmla="*/ 252706 h 256436"/>
                <a:gd name="connsiteX13" fmla="*/ 32449 w 186131"/>
                <a:gd name="connsiteY13" fmla="*/ 256372 h 256436"/>
                <a:gd name="connsiteX14" fmla="*/ 31525 w 186131"/>
                <a:gd name="connsiteY14" fmla="*/ 256372 h 256436"/>
                <a:gd name="connsiteX15" fmla="*/ 3693 w 186131"/>
                <a:gd name="connsiteY15" fmla="*/ 256372 h 256436"/>
                <a:gd name="connsiteX16" fmla="*/ 36 w 186131"/>
                <a:gd name="connsiteY16" fmla="*/ 253639 h 256436"/>
                <a:gd name="connsiteX17" fmla="*/ 36 w 186131"/>
                <a:gd name="connsiteY17" fmla="*/ 252706 h 256436"/>
                <a:gd name="connsiteX18" fmla="*/ 36 w 186131"/>
                <a:gd name="connsiteY18" fmla="*/ 3693 h 256436"/>
                <a:gd name="connsiteX19" fmla="*/ 2769 w 186131"/>
                <a:gd name="connsiteY19" fmla="*/ 36 h 256436"/>
                <a:gd name="connsiteX20" fmla="*/ 3693 w 186131"/>
                <a:gd name="connsiteY20" fmla="*/ 36 h 256436"/>
                <a:gd name="connsiteX21" fmla="*/ 30801 w 186131"/>
                <a:gd name="connsiteY21" fmla="*/ 36 h 256436"/>
                <a:gd name="connsiteX22" fmla="*/ 35192 w 186131"/>
                <a:gd name="connsiteY22" fmla="*/ 2598 h 256436"/>
                <a:gd name="connsiteX23" fmla="*/ 149492 w 186131"/>
                <a:gd name="connsiteY23" fmla="*/ 189745 h 256436"/>
                <a:gd name="connsiteX24" fmla="*/ 150598 w 186131"/>
                <a:gd name="connsiteY24" fmla="*/ 190698 h 256436"/>
                <a:gd name="connsiteX25" fmla="*/ 151321 w 186131"/>
                <a:gd name="connsiteY25" fmla="*/ 189421 h 256436"/>
                <a:gd name="connsiteX26" fmla="*/ 150959 w 186131"/>
                <a:gd name="connsiteY26" fmla="*/ 3684 h 256436"/>
                <a:gd name="connsiteX27" fmla="*/ 153731 w 186131"/>
                <a:gd name="connsiteY27" fmla="*/ 36 h 256436"/>
                <a:gd name="connsiteX28" fmla="*/ 154607 w 186131"/>
                <a:gd name="connsiteY28" fmla="*/ 36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186131" h="256436">
                  <a:moveTo>
                    <a:pt x="154607" y="36"/>
                  </a:moveTo>
                  <a:lnTo>
                    <a:pt x="182430" y="36"/>
                  </a:lnTo>
                  <a:cubicBezTo>
                    <a:pt x="184201" y="-221"/>
                    <a:pt x="185840" y="1007"/>
                    <a:pt x="186097" y="2779"/>
                  </a:cubicBezTo>
                  <a:cubicBezTo>
                    <a:pt x="186135" y="3084"/>
                    <a:pt x="186135" y="3389"/>
                    <a:pt x="186097" y="3693"/>
                  </a:cubicBezTo>
                  <a:lnTo>
                    <a:pt x="186097" y="252734"/>
                  </a:lnTo>
                  <a:cubicBezTo>
                    <a:pt x="186354" y="254506"/>
                    <a:pt x="185126" y="256144"/>
                    <a:pt x="183354" y="256401"/>
                  </a:cubicBezTo>
                  <a:cubicBezTo>
                    <a:pt x="183049" y="256449"/>
                    <a:pt x="182734" y="256449"/>
                    <a:pt x="182430" y="256401"/>
                  </a:cubicBezTo>
                  <a:lnTo>
                    <a:pt x="155684" y="256401"/>
                  </a:lnTo>
                  <a:cubicBezTo>
                    <a:pt x="153874" y="256354"/>
                    <a:pt x="152217" y="255382"/>
                    <a:pt x="151283" y="253829"/>
                  </a:cubicBezTo>
                  <a:lnTo>
                    <a:pt x="36659" y="66692"/>
                  </a:lnTo>
                  <a:cubicBezTo>
                    <a:pt x="36411" y="65958"/>
                    <a:pt x="36040" y="65653"/>
                    <a:pt x="35555" y="65739"/>
                  </a:cubicBezTo>
                  <a:cubicBezTo>
                    <a:pt x="35069" y="65825"/>
                    <a:pt x="34821" y="66301"/>
                    <a:pt x="34821" y="67025"/>
                  </a:cubicBezTo>
                  <a:lnTo>
                    <a:pt x="35192" y="252706"/>
                  </a:lnTo>
                  <a:cubicBezTo>
                    <a:pt x="35449" y="254477"/>
                    <a:pt x="34221" y="256115"/>
                    <a:pt x="32449" y="256372"/>
                  </a:cubicBezTo>
                  <a:cubicBezTo>
                    <a:pt x="32144" y="256420"/>
                    <a:pt x="31830" y="256420"/>
                    <a:pt x="31525" y="256372"/>
                  </a:cubicBezTo>
                  <a:lnTo>
                    <a:pt x="3693" y="256372"/>
                  </a:lnTo>
                  <a:cubicBezTo>
                    <a:pt x="1931" y="256630"/>
                    <a:pt x="293" y="255401"/>
                    <a:pt x="36" y="253639"/>
                  </a:cubicBezTo>
                  <a:cubicBezTo>
                    <a:pt x="-12" y="253334"/>
                    <a:pt x="-12" y="253020"/>
                    <a:pt x="36" y="252706"/>
                  </a:cubicBezTo>
                  <a:lnTo>
                    <a:pt x="36" y="3693"/>
                  </a:lnTo>
                  <a:cubicBezTo>
                    <a:pt x="-222" y="1931"/>
                    <a:pt x="1007" y="293"/>
                    <a:pt x="2769" y="36"/>
                  </a:cubicBezTo>
                  <a:cubicBezTo>
                    <a:pt x="3074" y="-12"/>
                    <a:pt x="3388" y="-12"/>
                    <a:pt x="3693" y="36"/>
                  </a:cubicBezTo>
                  <a:lnTo>
                    <a:pt x="30801" y="36"/>
                  </a:lnTo>
                  <a:cubicBezTo>
                    <a:pt x="32602" y="93"/>
                    <a:pt x="34259" y="1055"/>
                    <a:pt x="35192" y="2598"/>
                  </a:cubicBezTo>
                  <a:lnTo>
                    <a:pt x="149492" y="189745"/>
                  </a:lnTo>
                  <a:cubicBezTo>
                    <a:pt x="149731" y="190478"/>
                    <a:pt x="150102" y="190783"/>
                    <a:pt x="150598" y="190698"/>
                  </a:cubicBezTo>
                  <a:cubicBezTo>
                    <a:pt x="151093" y="190612"/>
                    <a:pt x="151321" y="190155"/>
                    <a:pt x="151321" y="189421"/>
                  </a:cubicBezTo>
                  <a:lnTo>
                    <a:pt x="150959" y="3684"/>
                  </a:lnTo>
                  <a:cubicBezTo>
                    <a:pt x="150711" y="1912"/>
                    <a:pt x="151959" y="274"/>
                    <a:pt x="153731" y="36"/>
                  </a:cubicBezTo>
                  <a:cubicBezTo>
                    <a:pt x="154016" y="-2"/>
                    <a:pt x="154312" y="-2"/>
                    <a:pt x="154607" y="36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7" name="Freeform 76">
              <a:extLst>
                <a:ext uri="{FF2B5EF4-FFF2-40B4-BE49-F238E27FC236}">
                  <a16:creationId xmlns:a16="http://schemas.microsoft.com/office/drawing/2014/main" id="{79BD3C73-5628-954A-BBA5-21543D7BC2D7}"/>
                </a:ext>
              </a:extLst>
            </p:cNvPr>
            <p:cNvSpPr/>
            <p:nvPr/>
          </p:nvSpPr>
          <p:spPr bwMode="gray">
            <a:xfrm>
              <a:off x="8350110" y="2005948"/>
              <a:ext cx="182819" cy="256436"/>
            </a:xfrm>
            <a:custGeom>
              <a:avLst/>
              <a:gdLst>
                <a:gd name="connsiteX0" fmla="*/ 182788 w 182819"/>
                <a:gd name="connsiteY0" fmla="*/ 3693 h 256436"/>
                <a:gd name="connsiteX1" fmla="*/ 182788 w 182819"/>
                <a:gd name="connsiteY1" fmla="*/ 27134 h 256436"/>
                <a:gd name="connsiteX2" fmla="*/ 180035 w 182819"/>
                <a:gd name="connsiteY2" fmla="*/ 30792 h 256436"/>
                <a:gd name="connsiteX3" fmla="*/ 179121 w 182819"/>
                <a:gd name="connsiteY3" fmla="*/ 30792 h 256436"/>
                <a:gd name="connsiteX4" fmla="*/ 108855 w 182819"/>
                <a:gd name="connsiteY4" fmla="*/ 30792 h 256436"/>
                <a:gd name="connsiteX5" fmla="*/ 107388 w 182819"/>
                <a:gd name="connsiteY5" fmla="*/ 31887 h 256436"/>
                <a:gd name="connsiteX6" fmla="*/ 107388 w 182819"/>
                <a:gd name="connsiteY6" fmla="*/ 32259 h 256436"/>
                <a:gd name="connsiteX7" fmla="*/ 107388 w 182819"/>
                <a:gd name="connsiteY7" fmla="*/ 252734 h 256436"/>
                <a:gd name="connsiteX8" fmla="*/ 104645 w 182819"/>
                <a:gd name="connsiteY8" fmla="*/ 256401 h 256436"/>
                <a:gd name="connsiteX9" fmla="*/ 103721 w 182819"/>
                <a:gd name="connsiteY9" fmla="*/ 256401 h 256436"/>
                <a:gd name="connsiteX10" fmla="*/ 75899 w 182819"/>
                <a:gd name="connsiteY10" fmla="*/ 256401 h 256436"/>
                <a:gd name="connsiteX11" fmla="*/ 72231 w 182819"/>
                <a:gd name="connsiteY11" fmla="*/ 253658 h 256436"/>
                <a:gd name="connsiteX12" fmla="*/ 72231 w 182819"/>
                <a:gd name="connsiteY12" fmla="*/ 252734 h 256436"/>
                <a:gd name="connsiteX13" fmla="*/ 72231 w 182819"/>
                <a:gd name="connsiteY13" fmla="*/ 32259 h 256436"/>
                <a:gd name="connsiteX14" fmla="*/ 71108 w 182819"/>
                <a:gd name="connsiteY14" fmla="*/ 30792 h 256436"/>
                <a:gd name="connsiteX15" fmla="*/ 70765 w 182819"/>
                <a:gd name="connsiteY15" fmla="*/ 30792 h 256436"/>
                <a:gd name="connsiteX16" fmla="*/ 3699 w 182819"/>
                <a:gd name="connsiteY16" fmla="*/ 30792 h 256436"/>
                <a:gd name="connsiteX17" fmla="*/ 32 w 182819"/>
                <a:gd name="connsiteY17" fmla="*/ 28049 h 256436"/>
                <a:gd name="connsiteX18" fmla="*/ 32 w 182819"/>
                <a:gd name="connsiteY18" fmla="*/ 27134 h 256436"/>
                <a:gd name="connsiteX19" fmla="*/ 32 w 182819"/>
                <a:gd name="connsiteY19" fmla="*/ 3693 h 256436"/>
                <a:gd name="connsiteX20" fmla="*/ 2784 w 182819"/>
                <a:gd name="connsiteY20" fmla="*/ 36 h 256436"/>
                <a:gd name="connsiteX21" fmla="*/ 3699 w 182819"/>
                <a:gd name="connsiteY21" fmla="*/ 36 h 256436"/>
                <a:gd name="connsiteX22" fmla="*/ 179121 w 182819"/>
                <a:gd name="connsiteY22" fmla="*/ 36 h 256436"/>
                <a:gd name="connsiteX23" fmla="*/ 182788 w 182819"/>
                <a:gd name="connsiteY23" fmla="*/ 2808 h 256436"/>
                <a:gd name="connsiteX24" fmla="*/ 182788 w 182819"/>
                <a:gd name="connsiteY24" fmla="*/ 3693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82819" h="256436">
                  <a:moveTo>
                    <a:pt x="182788" y="3693"/>
                  </a:moveTo>
                  <a:lnTo>
                    <a:pt x="182788" y="27134"/>
                  </a:lnTo>
                  <a:cubicBezTo>
                    <a:pt x="183036" y="28906"/>
                    <a:pt x="181807" y="30544"/>
                    <a:pt x="180035" y="30792"/>
                  </a:cubicBezTo>
                  <a:cubicBezTo>
                    <a:pt x="179731" y="30840"/>
                    <a:pt x="179426" y="30840"/>
                    <a:pt x="179121" y="30792"/>
                  </a:cubicBezTo>
                  <a:lnTo>
                    <a:pt x="108855" y="30792"/>
                  </a:lnTo>
                  <a:cubicBezTo>
                    <a:pt x="108150" y="30687"/>
                    <a:pt x="107493" y="31183"/>
                    <a:pt x="107388" y="31887"/>
                  </a:cubicBezTo>
                  <a:cubicBezTo>
                    <a:pt x="107369" y="32011"/>
                    <a:pt x="107369" y="32135"/>
                    <a:pt x="107388" y="32259"/>
                  </a:cubicBezTo>
                  <a:lnTo>
                    <a:pt x="107388" y="252734"/>
                  </a:lnTo>
                  <a:cubicBezTo>
                    <a:pt x="107646" y="254506"/>
                    <a:pt x="106417" y="256144"/>
                    <a:pt x="104645" y="256401"/>
                  </a:cubicBezTo>
                  <a:cubicBezTo>
                    <a:pt x="104340" y="256449"/>
                    <a:pt x="104026" y="256449"/>
                    <a:pt x="103721" y="256401"/>
                  </a:cubicBezTo>
                  <a:lnTo>
                    <a:pt x="75899" y="256401"/>
                  </a:lnTo>
                  <a:cubicBezTo>
                    <a:pt x="74127" y="256658"/>
                    <a:pt x="72488" y="255429"/>
                    <a:pt x="72231" y="253658"/>
                  </a:cubicBezTo>
                  <a:cubicBezTo>
                    <a:pt x="72184" y="253353"/>
                    <a:pt x="72184" y="253039"/>
                    <a:pt x="72231" y="252734"/>
                  </a:cubicBezTo>
                  <a:lnTo>
                    <a:pt x="72231" y="32259"/>
                  </a:lnTo>
                  <a:cubicBezTo>
                    <a:pt x="72327" y="31544"/>
                    <a:pt x="71822" y="30887"/>
                    <a:pt x="71108" y="30792"/>
                  </a:cubicBezTo>
                  <a:cubicBezTo>
                    <a:pt x="70993" y="30773"/>
                    <a:pt x="70879" y="30773"/>
                    <a:pt x="70765" y="30792"/>
                  </a:cubicBezTo>
                  <a:lnTo>
                    <a:pt x="3699" y="30792"/>
                  </a:lnTo>
                  <a:cubicBezTo>
                    <a:pt x="1928" y="31049"/>
                    <a:pt x="289" y="29820"/>
                    <a:pt x="32" y="28049"/>
                  </a:cubicBezTo>
                  <a:cubicBezTo>
                    <a:pt x="-6" y="27744"/>
                    <a:pt x="-6" y="27439"/>
                    <a:pt x="32" y="27134"/>
                  </a:cubicBezTo>
                  <a:lnTo>
                    <a:pt x="32" y="3693"/>
                  </a:lnTo>
                  <a:cubicBezTo>
                    <a:pt x="-216" y="1922"/>
                    <a:pt x="1013" y="283"/>
                    <a:pt x="2784" y="36"/>
                  </a:cubicBezTo>
                  <a:cubicBezTo>
                    <a:pt x="3090" y="-12"/>
                    <a:pt x="3394" y="-12"/>
                    <a:pt x="3699" y="36"/>
                  </a:cubicBezTo>
                  <a:lnTo>
                    <a:pt x="179121" y="36"/>
                  </a:lnTo>
                  <a:cubicBezTo>
                    <a:pt x="180902" y="-212"/>
                    <a:pt x="182540" y="1026"/>
                    <a:pt x="182788" y="2808"/>
                  </a:cubicBezTo>
                  <a:cubicBezTo>
                    <a:pt x="182826" y="3103"/>
                    <a:pt x="182826" y="3398"/>
                    <a:pt x="182788" y="369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8" name="Freeform 77">
              <a:extLst>
                <a:ext uri="{FF2B5EF4-FFF2-40B4-BE49-F238E27FC236}">
                  <a16:creationId xmlns:a16="http://schemas.microsoft.com/office/drawing/2014/main" id="{52D0BD47-BF43-384B-89BD-59069B4A855F}"/>
                </a:ext>
              </a:extLst>
            </p:cNvPr>
            <p:cNvSpPr/>
            <p:nvPr/>
          </p:nvSpPr>
          <p:spPr bwMode="gray">
            <a:xfrm>
              <a:off x="8562723" y="2005969"/>
              <a:ext cx="207185" cy="256392"/>
            </a:xfrm>
            <a:custGeom>
              <a:avLst/>
              <a:gdLst>
                <a:gd name="connsiteX0" fmla="*/ 169400 w 207185"/>
                <a:gd name="connsiteY0" fmla="*/ 253446 h 256392"/>
                <a:gd name="connsiteX1" fmla="*/ 156217 w 207185"/>
                <a:gd name="connsiteY1" fmla="*/ 210584 h 256392"/>
                <a:gd name="connsiteX2" fmla="*/ 154751 w 207185"/>
                <a:gd name="connsiteY2" fmla="*/ 209488 h 256392"/>
                <a:gd name="connsiteX3" fmla="*/ 51881 w 207185"/>
                <a:gd name="connsiteY3" fmla="*/ 209488 h 256392"/>
                <a:gd name="connsiteX4" fmla="*/ 50414 w 207185"/>
                <a:gd name="connsiteY4" fmla="*/ 210584 h 256392"/>
                <a:gd name="connsiteX5" fmla="*/ 37232 w 207185"/>
                <a:gd name="connsiteY5" fmla="*/ 253446 h 256392"/>
                <a:gd name="connsiteX6" fmla="*/ 32831 w 207185"/>
                <a:gd name="connsiteY6" fmla="*/ 256380 h 256392"/>
                <a:gd name="connsiteX7" fmla="*/ 3170 w 207185"/>
                <a:gd name="connsiteY7" fmla="*/ 256380 h 256392"/>
                <a:gd name="connsiteX8" fmla="*/ 236 w 207185"/>
                <a:gd name="connsiteY8" fmla="*/ 252351 h 256392"/>
                <a:gd name="connsiteX9" fmla="*/ 80447 w 207185"/>
                <a:gd name="connsiteY9" fmla="*/ 2939 h 256392"/>
                <a:gd name="connsiteX10" fmla="*/ 84838 w 207185"/>
                <a:gd name="connsiteY10" fmla="*/ 14 h 256392"/>
                <a:gd name="connsiteX11" fmla="*/ 121461 w 207185"/>
                <a:gd name="connsiteY11" fmla="*/ 14 h 256392"/>
                <a:gd name="connsiteX12" fmla="*/ 125852 w 207185"/>
                <a:gd name="connsiteY12" fmla="*/ 2939 h 256392"/>
                <a:gd name="connsiteX13" fmla="*/ 206814 w 207185"/>
                <a:gd name="connsiteY13" fmla="*/ 252351 h 256392"/>
                <a:gd name="connsiteX14" fmla="*/ 207186 w 207185"/>
                <a:gd name="connsiteY14" fmla="*/ 253808 h 256392"/>
                <a:gd name="connsiteX15" fmla="*/ 203881 w 207185"/>
                <a:gd name="connsiteY15" fmla="*/ 256380 h 256392"/>
                <a:gd name="connsiteX16" fmla="*/ 173801 w 207185"/>
                <a:gd name="connsiteY16" fmla="*/ 256380 h 256392"/>
                <a:gd name="connsiteX17" fmla="*/ 169400 w 207185"/>
                <a:gd name="connsiteY17" fmla="*/ 253446 h 256392"/>
                <a:gd name="connsiteX18" fmla="*/ 59711 w 207185"/>
                <a:gd name="connsiteY18" fmla="*/ 181113 h 256392"/>
                <a:gd name="connsiteX19" fmla="*/ 60997 w 207185"/>
                <a:gd name="connsiteY19" fmla="*/ 181666 h 256392"/>
                <a:gd name="connsiteX20" fmla="*/ 145236 w 207185"/>
                <a:gd name="connsiteY20" fmla="*/ 181666 h 256392"/>
                <a:gd name="connsiteX21" fmla="*/ 146512 w 207185"/>
                <a:gd name="connsiteY21" fmla="*/ 181113 h 256392"/>
                <a:gd name="connsiteX22" fmla="*/ 146692 w 207185"/>
                <a:gd name="connsiteY22" fmla="*/ 179837 h 256392"/>
                <a:gd name="connsiteX23" fmla="*/ 104211 w 207185"/>
                <a:gd name="connsiteY23" fmla="*/ 43963 h 256392"/>
                <a:gd name="connsiteX24" fmla="*/ 102659 w 207185"/>
                <a:gd name="connsiteY24" fmla="*/ 43315 h 256392"/>
                <a:gd name="connsiteX25" fmla="*/ 102011 w 207185"/>
                <a:gd name="connsiteY25" fmla="*/ 43963 h 256392"/>
                <a:gd name="connsiteX26" fmla="*/ 59530 w 207185"/>
                <a:gd name="connsiteY26" fmla="*/ 179837 h 256392"/>
                <a:gd name="connsiteX27" fmla="*/ 59711 w 207185"/>
                <a:gd name="connsiteY27" fmla="*/ 181113 h 256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07185" h="256392">
                  <a:moveTo>
                    <a:pt x="169400" y="253446"/>
                  </a:moveTo>
                  <a:lnTo>
                    <a:pt x="156217" y="210584"/>
                  </a:lnTo>
                  <a:cubicBezTo>
                    <a:pt x="156047" y="209917"/>
                    <a:pt x="155437" y="209460"/>
                    <a:pt x="154751" y="209488"/>
                  </a:cubicBezTo>
                  <a:lnTo>
                    <a:pt x="51881" y="209488"/>
                  </a:lnTo>
                  <a:cubicBezTo>
                    <a:pt x="51195" y="209450"/>
                    <a:pt x="50576" y="209917"/>
                    <a:pt x="50414" y="210584"/>
                  </a:cubicBezTo>
                  <a:lnTo>
                    <a:pt x="37232" y="253446"/>
                  </a:lnTo>
                  <a:cubicBezTo>
                    <a:pt x="36622" y="255322"/>
                    <a:pt x="34803" y="256532"/>
                    <a:pt x="32831" y="256380"/>
                  </a:cubicBezTo>
                  <a:lnTo>
                    <a:pt x="3170" y="256380"/>
                  </a:lnTo>
                  <a:cubicBezTo>
                    <a:pt x="475" y="256380"/>
                    <a:pt x="-497" y="255037"/>
                    <a:pt x="236" y="252351"/>
                  </a:cubicBezTo>
                  <a:lnTo>
                    <a:pt x="80447" y="2939"/>
                  </a:lnTo>
                  <a:cubicBezTo>
                    <a:pt x="81056" y="1062"/>
                    <a:pt x="82875" y="-147"/>
                    <a:pt x="84838" y="14"/>
                  </a:cubicBezTo>
                  <a:lnTo>
                    <a:pt x="121461" y="14"/>
                  </a:lnTo>
                  <a:cubicBezTo>
                    <a:pt x="123423" y="-147"/>
                    <a:pt x="125243" y="1062"/>
                    <a:pt x="125852" y="2939"/>
                  </a:cubicBezTo>
                  <a:lnTo>
                    <a:pt x="206814" y="252351"/>
                  </a:lnTo>
                  <a:lnTo>
                    <a:pt x="207186" y="253808"/>
                  </a:lnTo>
                  <a:cubicBezTo>
                    <a:pt x="207186" y="255523"/>
                    <a:pt x="206081" y="256380"/>
                    <a:pt x="203881" y="256380"/>
                  </a:cubicBezTo>
                  <a:lnTo>
                    <a:pt x="173801" y="256380"/>
                  </a:lnTo>
                  <a:cubicBezTo>
                    <a:pt x="171829" y="256532"/>
                    <a:pt x="170010" y="255322"/>
                    <a:pt x="169400" y="253446"/>
                  </a:cubicBezTo>
                  <a:close/>
                  <a:moveTo>
                    <a:pt x="59711" y="181113"/>
                  </a:moveTo>
                  <a:cubicBezTo>
                    <a:pt x="60044" y="181466"/>
                    <a:pt x="60511" y="181666"/>
                    <a:pt x="60997" y="181666"/>
                  </a:cubicBezTo>
                  <a:lnTo>
                    <a:pt x="145236" y="181666"/>
                  </a:lnTo>
                  <a:cubicBezTo>
                    <a:pt x="145721" y="181666"/>
                    <a:pt x="146179" y="181466"/>
                    <a:pt x="146512" y="181113"/>
                  </a:cubicBezTo>
                  <a:cubicBezTo>
                    <a:pt x="146874" y="180790"/>
                    <a:pt x="146950" y="180247"/>
                    <a:pt x="146692" y="179837"/>
                  </a:cubicBezTo>
                  <a:lnTo>
                    <a:pt x="104211" y="43963"/>
                  </a:lnTo>
                  <a:cubicBezTo>
                    <a:pt x="103964" y="43353"/>
                    <a:pt x="103268" y="43068"/>
                    <a:pt x="102659" y="43315"/>
                  </a:cubicBezTo>
                  <a:cubicBezTo>
                    <a:pt x="102363" y="43439"/>
                    <a:pt x="102135" y="43667"/>
                    <a:pt x="102011" y="43963"/>
                  </a:cubicBezTo>
                  <a:lnTo>
                    <a:pt x="59530" y="179837"/>
                  </a:lnTo>
                  <a:cubicBezTo>
                    <a:pt x="59272" y="180247"/>
                    <a:pt x="59348" y="180790"/>
                    <a:pt x="59711" y="181113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9" name="Freeform 78">
              <a:extLst>
                <a:ext uri="{FF2B5EF4-FFF2-40B4-BE49-F238E27FC236}">
                  <a16:creationId xmlns:a16="http://schemas.microsoft.com/office/drawing/2014/main" id="{BCFC69AB-FAE7-DA4F-B482-26A4456843E2}"/>
                </a:ext>
              </a:extLst>
            </p:cNvPr>
            <p:cNvSpPr/>
            <p:nvPr/>
          </p:nvSpPr>
          <p:spPr bwMode="gray">
            <a:xfrm>
              <a:off x="8832448" y="2003050"/>
              <a:ext cx="178525" cy="262353"/>
            </a:xfrm>
            <a:custGeom>
              <a:avLst/>
              <a:gdLst>
                <a:gd name="connsiteX0" fmla="*/ 42693 w 178525"/>
                <a:gd name="connsiteY0" fmla="*/ 251794 h 262353"/>
                <a:gd name="connsiteX1" fmla="*/ 11194 w 178525"/>
                <a:gd name="connsiteY1" fmla="*/ 222123 h 262353"/>
                <a:gd name="connsiteX2" fmla="*/ 21 w 178525"/>
                <a:gd name="connsiteY2" fmla="*/ 177994 h 262353"/>
                <a:gd name="connsiteX3" fmla="*/ 21 w 178525"/>
                <a:gd name="connsiteY3" fmla="*/ 84239 h 262353"/>
                <a:gd name="connsiteX4" fmla="*/ 11194 w 178525"/>
                <a:gd name="connsiteY4" fmla="*/ 39919 h 262353"/>
                <a:gd name="connsiteX5" fmla="*/ 42693 w 178525"/>
                <a:gd name="connsiteY5" fmla="*/ 10440 h 262353"/>
                <a:gd name="connsiteX6" fmla="*/ 135895 w 178525"/>
                <a:gd name="connsiteY6" fmla="*/ 10249 h 262353"/>
                <a:gd name="connsiteX7" fmla="*/ 178377 w 178525"/>
                <a:gd name="connsiteY7" fmla="*/ 79477 h 262353"/>
                <a:gd name="connsiteX8" fmla="*/ 178377 w 178525"/>
                <a:gd name="connsiteY8" fmla="*/ 83506 h 262353"/>
                <a:gd name="connsiteX9" fmla="*/ 175643 w 178525"/>
                <a:gd name="connsiteY9" fmla="*/ 87164 h 262353"/>
                <a:gd name="connsiteX10" fmla="*/ 174719 w 178525"/>
                <a:gd name="connsiteY10" fmla="*/ 87164 h 262353"/>
                <a:gd name="connsiteX11" fmla="*/ 146887 w 178525"/>
                <a:gd name="connsiteY11" fmla="*/ 87164 h 262353"/>
                <a:gd name="connsiteX12" fmla="*/ 143220 w 178525"/>
                <a:gd name="connsiteY12" fmla="*/ 84439 h 262353"/>
                <a:gd name="connsiteX13" fmla="*/ 143220 w 178525"/>
                <a:gd name="connsiteY13" fmla="*/ 83506 h 262353"/>
                <a:gd name="connsiteX14" fmla="*/ 143220 w 178525"/>
                <a:gd name="connsiteY14" fmla="*/ 80210 h 262353"/>
                <a:gd name="connsiteX15" fmla="*/ 128390 w 178525"/>
                <a:gd name="connsiteY15" fmla="*/ 44501 h 262353"/>
                <a:gd name="connsiteX16" fmla="*/ 89337 w 178525"/>
                <a:gd name="connsiteY16" fmla="*/ 30766 h 262353"/>
                <a:gd name="connsiteX17" fmla="*/ 49970 w 178525"/>
                <a:gd name="connsiteY17" fmla="*/ 45053 h 262353"/>
                <a:gd name="connsiteX18" fmla="*/ 35140 w 178525"/>
                <a:gd name="connsiteY18" fmla="*/ 83153 h 262353"/>
                <a:gd name="connsiteX19" fmla="*/ 35140 w 178525"/>
                <a:gd name="connsiteY19" fmla="*/ 179099 h 262353"/>
                <a:gd name="connsiteX20" fmla="*/ 50513 w 178525"/>
                <a:gd name="connsiteY20" fmla="*/ 217199 h 262353"/>
                <a:gd name="connsiteX21" fmla="*/ 90804 w 178525"/>
                <a:gd name="connsiteY21" fmla="*/ 231486 h 262353"/>
                <a:gd name="connsiteX22" fmla="*/ 129075 w 178525"/>
                <a:gd name="connsiteY22" fmla="*/ 218847 h 262353"/>
                <a:gd name="connsiteX23" fmla="*/ 143173 w 178525"/>
                <a:gd name="connsiteY23" fmla="*/ 184242 h 262353"/>
                <a:gd name="connsiteX24" fmla="*/ 143173 w 178525"/>
                <a:gd name="connsiteY24" fmla="*/ 156020 h 262353"/>
                <a:gd name="connsiteX25" fmla="*/ 142077 w 178525"/>
                <a:gd name="connsiteY25" fmla="*/ 154553 h 262353"/>
                <a:gd name="connsiteX26" fmla="*/ 141715 w 178525"/>
                <a:gd name="connsiteY26" fmla="*/ 154553 h 262353"/>
                <a:gd name="connsiteX27" fmla="*/ 92290 w 178525"/>
                <a:gd name="connsiteY27" fmla="*/ 154553 h 262353"/>
                <a:gd name="connsiteX28" fmla="*/ 88623 w 178525"/>
                <a:gd name="connsiteY28" fmla="*/ 151810 h 262353"/>
                <a:gd name="connsiteX29" fmla="*/ 88623 w 178525"/>
                <a:gd name="connsiteY29" fmla="*/ 150895 h 262353"/>
                <a:gd name="connsiteX30" fmla="*/ 88623 w 178525"/>
                <a:gd name="connsiteY30" fmla="*/ 128188 h 262353"/>
                <a:gd name="connsiteX31" fmla="*/ 91366 w 178525"/>
                <a:gd name="connsiteY31" fmla="*/ 124521 h 262353"/>
                <a:gd name="connsiteX32" fmla="*/ 92290 w 178525"/>
                <a:gd name="connsiteY32" fmla="*/ 124521 h 262353"/>
                <a:gd name="connsiteX33" fmla="*/ 174691 w 178525"/>
                <a:gd name="connsiteY33" fmla="*/ 124521 h 262353"/>
                <a:gd name="connsiteX34" fmla="*/ 178348 w 178525"/>
                <a:gd name="connsiteY34" fmla="*/ 127273 h 262353"/>
                <a:gd name="connsiteX35" fmla="*/ 178348 w 178525"/>
                <a:gd name="connsiteY35" fmla="*/ 128188 h 262353"/>
                <a:gd name="connsiteX36" fmla="*/ 178348 w 178525"/>
                <a:gd name="connsiteY36" fmla="*/ 174698 h 262353"/>
                <a:gd name="connsiteX37" fmla="*/ 154364 w 178525"/>
                <a:gd name="connsiteY37" fmla="*/ 239525 h 262353"/>
                <a:gd name="connsiteX38" fmla="*/ 89356 w 178525"/>
                <a:gd name="connsiteY38" fmla="*/ 262223 h 262353"/>
                <a:gd name="connsiteX39" fmla="*/ 42693 w 178525"/>
                <a:gd name="connsiteY39" fmla="*/ 251794 h 2623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</a:cxnLst>
              <a:rect l="l" t="t" r="r" b="b"/>
              <a:pathLst>
                <a:path w="178525" h="262353">
                  <a:moveTo>
                    <a:pt x="42693" y="251794"/>
                  </a:moveTo>
                  <a:cubicBezTo>
                    <a:pt x="29520" y="245193"/>
                    <a:pt x="18566" y="234877"/>
                    <a:pt x="11194" y="222123"/>
                  </a:cubicBezTo>
                  <a:cubicBezTo>
                    <a:pt x="3584" y="208684"/>
                    <a:pt x="-274" y="193444"/>
                    <a:pt x="21" y="177994"/>
                  </a:cubicBezTo>
                  <a:lnTo>
                    <a:pt x="21" y="84239"/>
                  </a:lnTo>
                  <a:cubicBezTo>
                    <a:pt x="-321" y="68733"/>
                    <a:pt x="3536" y="53416"/>
                    <a:pt x="11194" y="39919"/>
                  </a:cubicBezTo>
                  <a:cubicBezTo>
                    <a:pt x="18614" y="27242"/>
                    <a:pt x="29558" y="17002"/>
                    <a:pt x="42693" y="10440"/>
                  </a:cubicBezTo>
                  <a:cubicBezTo>
                    <a:pt x="72201" y="-3410"/>
                    <a:pt x="106330" y="-3486"/>
                    <a:pt x="135895" y="10249"/>
                  </a:cubicBezTo>
                  <a:cubicBezTo>
                    <a:pt x="162308" y="23108"/>
                    <a:pt x="178882" y="50102"/>
                    <a:pt x="178377" y="79477"/>
                  </a:cubicBezTo>
                  <a:lnTo>
                    <a:pt x="178377" y="83506"/>
                  </a:lnTo>
                  <a:cubicBezTo>
                    <a:pt x="178634" y="85268"/>
                    <a:pt x="177405" y="86906"/>
                    <a:pt x="175643" y="87164"/>
                  </a:cubicBezTo>
                  <a:cubicBezTo>
                    <a:pt x="175338" y="87211"/>
                    <a:pt x="175024" y="87211"/>
                    <a:pt x="174719" y="87164"/>
                  </a:cubicBezTo>
                  <a:lnTo>
                    <a:pt x="146887" y="87164"/>
                  </a:lnTo>
                  <a:cubicBezTo>
                    <a:pt x="145125" y="87421"/>
                    <a:pt x="143477" y="86202"/>
                    <a:pt x="143220" y="84439"/>
                  </a:cubicBezTo>
                  <a:cubicBezTo>
                    <a:pt x="143173" y="84134"/>
                    <a:pt x="143173" y="83820"/>
                    <a:pt x="143220" y="83506"/>
                  </a:cubicBezTo>
                  <a:lnTo>
                    <a:pt x="143220" y="80210"/>
                  </a:lnTo>
                  <a:cubicBezTo>
                    <a:pt x="143706" y="66713"/>
                    <a:pt x="138286" y="53683"/>
                    <a:pt x="128390" y="44501"/>
                  </a:cubicBezTo>
                  <a:cubicBezTo>
                    <a:pt x="117655" y="35024"/>
                    <a:pt x="103644" y="30099"/>
                    <a:pt x="89337" y="30766"/>
                  </a:cubicBezTo>
                  <a:cubicBezTo>
                    <a:pt x="74830" y="30071"/>
                    <a:pt x="60657" y="35214"/>
                    <a:pt x="49970" y="45053"/>
                  </a:cubicBezTo>
                  <a:cubicBezTo>
                    <a:pt x="39874" y="55093"/>
                    <a:pt x="34492" y="68933"/>
                    <a:pt x="35140" y="83153"/>
                  </a:cubicBezTo>
                  <a:lnTo>
                    <a:pt x="35140" y="179099"/>
                  </a:lnTo>
                  <a:cubicBezTo>
                    <a:pt x="34511" y="193424"/>
                    <a:pt x="40112" y="207321"/>
                    <a:pt x="50513" y="217199"/>
                  </a:cubicBezTo>
                  <a:cubicBezTo>
                    <a:pt x="61572" y="227019"/>
                    <a:pt x="76031" y="232153"/>
                    <a:pt x="90804" y="231486"/>
                  </a:cubicBezTo>
                  <a:cubicBezTo>
                    <a:pt x="104701" y="232239"/>
                    <a:pt x="118370" y="227734"/>
                    <a:pt x="129075" y="218847"/>
                  </a:cubicBezTo>
                  <a:cubicBezTo>
                    <a:pt x="138667" y="209969"/>
                    <a:pt x="143830" y="197292"/>
                    <a:pt x="143173" y="184242"/>
                  </a:cubicBezTo>
                  <a:lnTo>
                    <a:pt x="143173" y="156020"/>
                  </a:lnTo>
                  <a:cubicBezTo>
                    <a:pt x="143277" y="155315"/>
                    <a:pt x="142782" y="154658"/>
                    <a:pt x="142077" y="154553"/>
                  </a:cubicBezTo>
                  <a:cubicBezTo>
                    <a:pt x="141953" y="154534"/>
                    <a:pt x="141839" y="154534"/>
                    <a:pt x="141715" y="154553"/>
                  </a:cubicBezTo>
                  <a:lnTo>
                    <a:pt x="92290" y="154553"/>
                  </a:lnTo>
                  <a:cubicBezTo>
                    <a:pt x="90518" y="154810"/>
                    <a:pt x="88880" y="153581"/>
                    <a:pt x="88623" y="151810"/>
                  </a:cubicBezTo>
                  <a:cubicBezTo>
                    <a:pt x="88585" y="151505"/>
                    <a:pt x="88585" y="151200"/>
                    <a:pt x="88623" y="150895"/>
                  </a:cubicBezTo>
                  <a:lnTo>
                    <a:pt x="88623" y="128188"/>
                  </a:lnTo>
                  <a:cubicBezTo>
                    <a:pt x="88366" y="126416"/>
                    <a:pt x="89595" y="124778"/>
                    <a:pt x="91366" y="124521"/>
                  </a:cubicBezTo>
                  <a:cubicBezTo>
                    <a:pt x="91671" y="124473"/>
                    <a:pt x="91985" y="124473"/>
                    <a:pt x="92290" y="124521"/>
                  </a:cubicBezTo>
                  <a:lnTo>
                    <a:pt x="174691" y="124521"/>
                  </a:lnTo>
                  <a:cubicBezTo>
                    <a:pt x="176463" y="124273"/>
                    <a:pt x="178101" y="125502"/>
                    <a:pt x="178348" y="127273"/>
                  </a:cubicBezTo>
                  <a:cubicBezTo>
                    <a:pt x="178396" y="127578"/>
                    <a:pt x="178396" y="127883"/>
                    <a:pt x="178348" y="128188"/>
                  </a:cubicBezTo>
                  <a:lnTo>
                    <a:pt x="178348" y="174698"/>
                  </a:lnTo>
                  <a:cubicBezTo>
                    <a:pt x="179901" y="198730"/>
                    <a:pt x="171186" y="222295"/>
                    <a:pt x="154364" y="239525"/>
                  </a:cubicBezTo>
                  <a:cubicBezTo>
                    <a:pt x="136524" y="255346"/>
                    <a:pt x="113169" y="263500"/>
                    <a:pt x="89356" y="262223"/>
                  </a:cubicBezTo>
                  <a:cubicBezTo>
                    <a:pt x="73192" y="262538"/>
                    <a:pt x="57190" y="258966"/>
                    <a:pt x="42693" y="251794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0" name="Freeform 79">
              <a:extLst>
                <a:ext uri="{FF2B5EF4-FFF2-40B4-BE49-F238E27FC236}">
                  <a16:creationId xmlns:a16="http://schemas.microsoft.com/office/drawing/2014/main" id="{DC6683E0-B27B-3444-9928-6578F0518C7C}"/>
                </a:ext>
              </a:extLst>
            </p:cNvPr>
            <p:cNvSpPr/>
            <p:nvPr/>
          </p:nvSpPr>
          <p:spPr bwMode="gray">
            <a:xfrm>
              <a:off x="9097247" y="2005948"/>
              <a:ext cx="170376" cy="256436"/>
            </a:xfrm>
            <a:custGeom>
              <a:avLst/>
              <a:gdLst>
                <a:gd name="connsiteX0" fmla="*/ 166647 w 170376"/>
                <a:gd name="connsiteY0" fmla="*/ 30430 h 256436"/>
                <a:gd name="connsiteX1" fmla="*/ 36631 w 170376"/>
                <a:gd name="connsiteY1" fmla="*/ 30430 h 256436"/>
                <a:gd name="connsiteX2" fmla="*/ 35174 w 170376"/>
                <a:gd name="connsiteY2" fmla="*/ 31516 h 256436"/>
                <a:gd name="connsiteX3" fmla="*/ 35174 w 170376"/>
                <a:gd name="connsiteY3" fmla="*/ 31887 h 256436"/>
                <a:gd name="connsiteX4" fmla="*/ 35174 w 170376"/>
                <a:gd name="connsiteY4" fmla="*/ 110640 h 256436"/>
                <a:gd name="connsiteX5" fmla="*/ 36241 w 170376"/>
                <a:gd name="connsiteY5" fmla="*/ 112097 h 256436"/>
                <a:gd name="connsiteX6" fmla="*/ 36631 w 170376"/>
                <a:gd name="connsiteY6" fmla="*/ 112097 h 256436"/>
                <a:gd name="connsiteX7" fmla="*/ 125994 w 170376"/>
                <a:gd name="connsiteY7" fmla="*/ 112097 h 256436"/>
                <a:gd name="connsiteX8" fmla="*/ 129652 w 170376"/>
                <a:gd name="connsiteY8" fmla="*/ 114850 h 256436"/>
                <a:gd name="connsiteX9" fmla="*/ 129652 w 170376"/>
                <a:gd name="connsiteY9" fmla="*/ 115764 h 256436"/>
                <a:gd name="connsiteX10" fmla="*/ 129652 w 170376"/>
                <a:gd name="connsiteY10" fmla="*/ 138834 h 256436"/>
                <a:gd name="connsiteX11" fmla="*/ 126909 w 170376"/>
                <a:gd name="connsiteY11" fmla="*/ 142501 h 256436"/>
                <a:gd name="connsiteX12" fmla="*/ 125994 w 170376"/>
                <a:gd name="connsiteY12" fmla="*/ 142501 h 256436"/>
                <a:gd name="connsiteX13" fmla="*/ 36631 w 170376"/>
                <a:gd name="connsiteY13" fmla="*/ 142501 h 256436"/>
                <a:gd name="connsiteX14" fmla="*/ 35174 w 170376"/>
                <a:gd name="connsiteY14" fmla="*/ 143587 h 256436"/>
                <a:gd name="connsiteX15" fmla="*/ 35174 w 170376"/>
                <a:gd name="connsiteY15" fmla="*/ 143968 h 256436"/>
                <a:gd name="connsiteX16" fmla="*/ 35174 w 170376"/>
                <a:gd name="connsiteY16" fmla="*/ 224540 h 256436"/>
                <a:gd name="connsiteX17" fmla="*/ 36241 w 170376"/>
                <a:gd name="connsiteY17" fmla="*/ 225997 h 256436"/>
                <a:gd name="connsiteX18" fmla="*/ 36631 w 170376"/>
                <a:gd name="connsiteY18" fmla="*/ 225997 h 256436"/>
                <a:gd name="connsiteX19" fmla="*/ 166647 w 170376"/>
                <a:gd name="connsiteY19" fmla="*/ 225997 h 256436"/>
                <a:gd name="connsiteX20" fmla="*/ 170314 w 170376"/>
                <a:gd name="connsiteY20" fmla="*/ 228760 h 256436"/>
                <a:gd name="connsiteX21" fmla="*/ 170314 w 170376"/>
                <a:gd name="connsiteY21" fmla="*/ 229664 h 256436"/>
                <a:gd name="connsiteX22" fmla="*/ 170314 w 170376"/>
                <a:gd name="connsiteY22" fmla="*/ 252734 h 256436"/>
                <a:gd name="connsiteX23" fmla="*/ 167571 w 170376"/>
                <a:gd name="connsiteY23" fmla="*/ 256401 h 256436"/>
                <a:gd name="connsiteX24" fmla="*/ 166647 w 170376"/>
                <a:gd name="connsiteY24" fmla="*/ 256401 h 256436"/>
                <a:gd name="connsiteX25" fmla="*/ 3703 w 170376"/>
                <a:gd name="connsiteY25" fmla="*/ 256401 h 256436"/>
                <a:gd name="connsiteX26" fmla="*/ 36 w 170376"/>
                <a:gd name="connsiteY26" fmla="*/ 253658 h 256436"/>
                <a:gd name="connsiteX27" fmla="*/ 36 w 170376"/>
                <a:gd name="connsiteY27" fmla="*/ 252734 h 256436"/>
                <a:gd name="connsiteX28" fmla="*/ 36 w 170376"/>
                <a:gd name="connsiteY28" fmla="*/ 3693 h 256436"/>
                <a:gd name="connsiteX29" fmla="*/ 2788 w 170376"/>
                <a:gd name="connsiteY29" fmla="*/ 36 h 256436"/>
                <a:gd name="connsiteX30" fmla="*/ 3703 w 170376"/>
                <a:gd name="connsiteY30" fmla="*/ 36 h 256436"/>
                <a:gd name="connsiteX31" fmla="*/ 166676 w 170376"/>
                <a:gd name="connsiteY31" fmla="*/ 36 h 256436"/>
                <a:gd name="connsiteX32" fmla="*/ 170343 w 170376"/>
                <a:gd name="connsiteY32" fmla="*/ 2808 h 256436"/>
                <a:gd name="connsiteX33" fmla="*/ 170343 w 170376"/>
                <a:gd name="connsiteY33" fmla="*/ 3693 h 256436"/>
                <a:gd name="connsiteX34" fmla="*/ 170343 w 170376"/>
                <a:gd name="connsiteY34" fmla="*/ 26763 h 256436"/>
                <a:gd name="connsiteX35" fmla="*/ 167600 w 170376"/>
                <a:gd name="connsiteY35" fmla="*/ 30430 h 256436"/>
                <a:gd name="connsiteX36" fmla="*/ 166647 w 170376"/>
                <a:gd name="connsiteY36" fmla="*/ 30430 h 2564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0376" h="256436">
                  <a:moveTo>
                    <a:pt x="166647" y="30430"/>
                  </a:moveTo>
                  <a:lnTo>
                    <a:pt x="36631" y="30430"/>
                  </a:lnTo>
                  <a:cubicBezTo>
                    <a:pt x="35926" y="30325"/>
                    <a:pt x="35278" y="30811"/>
                    <a:pt x="35174" y="31516"/>
                  </a:cubicBezTo>
                  <a:cubicBezTo>
                    <a:pt x="35155" y="31640"/>
                    <a:pt x="35155" y="31763"/>
                    <a:pt x="35174" y="31887"/>
                  </a:cubicBezTo>
                  <a:lnTo>
                    <a:pt x="35174" y="110640"/>
                  </a:lnTo>
                  <a:cubicBezTo>
                    <a:pt x="35069" y="111335"/>
                    <a:pt x="35545" y="111993"/>
                    <a:pt x="36241" y="112097"/>
                  </a:cubicBezTo>
                  <a:cubicBezTo>
                    <a:pt x="36364" y="112116"/>
                    <a:pt x="36497" y="112116"/>
                    <a:pt x="36631" y="112097"/>
                  </a:cubicBezTo>
                  <a:lnTo>
                    <a:pt x="125994" y="112097"/>
                  </a:lnTo>
                  <a:cubicBezTo>
                    <a:pt x="127766" y="111850"/>
                    <a:pt x="129405" y="113078"/>
                    <a:pt x="129652" y="114850"/>
                  </a:cubicBezTo>
                  <a:cubicBezTo>
                    <a:pt x="129700" y="115155"/>
                    <a:pt x="129700" y="115460"/>
                    <a:pt x="129652" y="115764"/>
                  </a:cubicBezTo>
                  <a:lnTo>
                    <a:pt x="129652" y="138834"/>
                  </a:lnTo>
                  <a:cubicBezTo>
                    <a:pt x="129909" y="140606"/>
                    <a:pt x="128681" y="142244"/>
                    <a:pt x="126909" y="142501"/>
                  </a:cubicBezTo>
                  <a:cubicBezTo>
                    <a:pt x="126604" y="142539"/>
                    <a:pt x="126300" y="142539"/>
                    <a:pt x="125994" y="142501"/>
                  </a:cubicBezTo>
                  <a:lnTo>
                    <a:pt x="36631" y="142501"/>
                  </a:lnTo>
                  <a:cubicBezTo>
                    <a:pt x="35926" y="142396"/>
                    <a:pt x="35278" y="142882"/>
                    <a:pt x="35174" y="143587"/>
                  </a:cubicBezTo>
                  <a:cubicBezTo>
                    <a:pt x="35155" y="143711"/>
                    <a:pt x="35155" y="143844"/>
                    <a:pt x="35174" y="143968"/>
                  </a:cubicBezTo>
                  <a:lnTo>
                    <a:pt x="35174" y="224540"/>
                  </a:lnTo>
                  <a:cubicBezTo>
                    <a:pt x="35069" y="225235"/>
                    <a:pt x="35545" y="225893"/>
                    <a:pt x="36241" y="225997"/>
                  </a:cubicBezTo>
                  <a:cubicBezTo>
                    <a:pt x="36364" y="226016"/>
                    <a:pt x="36497" y="226016"/>
                    <a:pt x="36631" y="225997"/>
                  </a:cubicBezTo>
                  <a:lnTo>
                    <a:pt x="166647" y="225997"/>
                  </a:lnTo>
                  <a:cubicBezTo>
                    <a:pt x="168428" y="225750"/>
                    <a:pt x="170067" y="226988"/>
                    <a:pt x="170314" y="228760"/>
                  </a:cubicBezTo>
                  <a:cubicBezTo>
                    <a:pt x="170353" y="229065"/>
                    <a:pt x="170353" y="229369"/>
                    <a:pt x="170314" y="229664"/>
                  </a:cubicBezTo>
                  <a:lnTo>
                    <a:pt x="170314" y="252734"/>
                  </a:lnTo>
                  <a:cubicBezTo>
                    <a:pt x="170571" y="254506"/>
                    <a:pt x="169343" y="256144"/>
                    <a:pt x="167571" y="256401"/>
                  </a:cubicBezTo>
                  <a:cubicBezTo>
                    <a:pt x="167266" y="256449"/>
                    <a:pt x="166952" y="256449"/>
                    <a:pt x="166647" y="256401"/>
                  </a:cubicBezTo>
                  <a:lnTo>
                    <a:pt x="3703" y="256401"/>
                  </a:lnTo>
                  <a:cubicBezTo>
                    <a:pt x="1932" y="256658"/>
                    <a:pt x="293" y="255429"/>
                    <a:pt x="36" y="253658"/>
                  </a:cubicBezTo>
                  <a:cubicBezTo>
                    <a:pt x="-12" y="253353"/>
                    <a:pt x="-12" y="253039"/>
                    <a:pt x="36" y="252734"/>
                  </a:cubicBezTo>
                  <a:lnTo>
                    <a:pt x="36" y="3693"/>
                  </a:lnTo>
                  <a:cubicBezTo>
                    <a:pt x="-212" y="1922"/>
                    <a:pt x="1017" y="283"/>
                    <a:pt x="2788" y="36"/>
                  </a:cubicBezTo>
                  <a:cubicBezTo>
                    <a:pt x="3094" y="-12"/>
                    <a:pt x="3398" y="-12"/>
                    <a:pt x="3703" y="36"/>
                  </a:cubicBezTo>
                  <a:lnTo>
                    <a:pt x="166676" y="36"/>
                  </a:lnTo>
                  <a:cubicBezTo>
                    <a:pt x="168448" y="-212"/>
                    <a:pt x="170095" y="1026"/>
                    <a:pt x="170343" y="2808"/>
                  </a:cubicBezTo>
                  <a:cubicBezTo>
                    <a:pt x="170381" y="3103"/>
                    <a:pt x="170381" y="3398"/>
                    <a:pt x="170343" y="3693"/>
                  </a:cubicBezTo>
                  <a:lnTo>
                    <a:pt x="170343" y="26763"/>
                  </a:lnTo>
                  <a:cubicBezTo>
                    <a:pt x="170600" y="28535"/>
                    <a:pt x="169371" y="30173"/>
                    <a:pt x="167600" y="30430"/>
                  </a:cubicBezTo>
                  <a:cubicBezTo>
                    <a:pt x="167285" y="30478"/>
                    <a:pt x="166962" y="30478"/>
                    <a:pt x="166647" y="30430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5584056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ne Column Text-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BD990F-C862-F144-B9F3-B0940A3B5DB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12648" y="1627632"/>
            <a:ext cx="10960904" cy="4347840"/>
          </a:xfrm>
        </p:spPr>
        <p:txBody>
          <a:bodyPr rIns="0"/>
          <a:lstStyle>
            <a:lvl1pPr marL="6350" indent="0">
              <a:buFont typeface="Arial" panose="020B0604020202020204" pitchFamily="34" charset="0"/>
              <a:buNone/>
              <a:tabLst/>
              <a:defRPr sz="2200" b="0" i="0">
                <a:solidFill>
                  <a:schemeClr val="tx1"/>
                </a:solidFill>
                <a:latin typeface="Barlow" pitchFamily="2" charset="77"/>
                <a:cs typeface="Calibri" panose="020F0502020204030204" pitchFamily="34" charset="0"/>
              </a:defRPr>
            </a:lvl1pPr>
            <a:lvl2pPr marL="171450" indent="-165100">
              <a:buFont typeface="Arial" panose="020B0604020202020204" pitchFamily="34" charset="0"/>
              <a:buChar char="•"/>
              <a:defRPr b="0" i="0">
                <a:solidFill>
                  <a:schemeClr val="tx1"/>
                </a:solidFill>
                <a:latin typeface="Barlow" pitchFamily="2" charset="77"/>
              </a:defRPr>
            </a:lvl2pPr>
            <a:lvl3pPr>
              <a:defRPr b="0" i="0">
                <a:solidFill>
                  <a:schemeClr val="tx1"/>
                </a:solidFill>
                <a:latin typeface="Barlow" pitchFamily="2" charset="77"/>
                <a:cs typeface="Calibri" panose="020F0502020204030204" pitchFamily="34" charset="0"/>
              </a:defRPr>
            </a:lvl3pPr>
            <a:lvl4pPr marL="515914" indent="-115882">
              <a:tabLst/>
              <a:defRPr b="0" i="0">
                <a:solidFill>
                  <a:schemeClr val="tx1"/>
                </a:solidFill>
                <a:latin typeface="Barlow" pitchFamily="2" charset="77"/>
                <a:cs typeface="Calibri Light" panose="020F0302020204030204" pitchFamily="34" charset="0"/>
              </a:defRPr>
            </a:lvl4pPr>
            <a:lvl5pPr>
              <a:defRPr b="0" i="0">
                <a:latin typeface="Barlow" pitchFamily="2" charset="77"/>
                <a:cs typeface="Calibri Light" panose="020F0302020204030204" pitchFamily="34" charset="0"/>
              </a:defRPr>
            </a:lvl5pPr>
            <a:lvl6pPr>
              <a:defRPr b="0" i="0">
                <a:latin typeface="Barlow" pitchFamily="2" charset="77"/>
              </a:defRPr>
            </a:lvl6pPr>
          </a:lstStyle>
          <a:p>
            <a:pPr lvl="0"/>
            <a:r>
              <a:rPr lang="en-US"/>
              <a:t>Edit first level formatting. For bullets, highlight text and click </a:t>
            </a:r>
            <a:r>
              <a:rPr lang="en-US" b="1"/>
              <a:t>Increase Indent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8DBD3D4E-F087-4A92-93BC-EE7CB393235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2862" y="6336344"/>
            <a:ext cx="47065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/>
                </a:solidFill>
                <a:latin typeface="+mj-lt"/>
              </a:defRPr>
            </a:lvl1pPr>
          </a:lstStyle>
          <a:p>
            <a:fld id="{2AE23761-D71E-484E-A406-E059CFC204B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74B3036-6CFA-5189-524A-09389317D0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2648" y="208788"/>
            <a:ext cx="10960904" cy="914400"/>
          </a:xfrm>
          <a:prstGeom prst="rect">
            <a:avLst/>
          </a:prstGeom>
        </p:spPr>
        <p:txBody>
          <a:bodyPr anchor="b">
            <a:noAutofit/>
          </a:bodyPr>
          <a:lstStyle>
            <a:lvl1pPr>
              <a:defRPr lang="en-US" sz="2800" b="0" i="0" kern="120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 algn="l" defTabSz="914354" rtl="0" eaLnBrk="1" latinLnBrk="0" hangingPunct="1">
              <a:lnSpc>
                <a:spcPct val="90000"/>
              </a:lnSpc>
              <a:spcBef>
                <a:spcPct val="0"/>
              </a:spcBef>
              <a:buNone/>
            </a:pPr>
            <a:r>
              <a:rPr lang="en-US"/>
              <a:t>Edit Headlin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06FFB2B5-9014-77B9-9E03-5EC2EAE69D8D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612648" y="1223772"/>
            <a:ext cx="10960904" cy="310896"/>
          </a:xfrm>
        </p:spPr>
        <p:txBody>
          <a:bodyPr vert="horz" lIns="0" tIns="0" rIns="91440" bIns="91440" rtlCol="0">
            <a:noAutofit/>
          </a:bodyPr>
          <a:lstStyle>
            <a:lvl1pPr>
              <a:defRPr lang="en-US" sz="180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Edit subhead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9CA5CB7-DFDB-29F0-750D-25D80214F82A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1189" y="345948"/>
            <a:ext cx="3557587" cy="283464"/>
          </a:xfrm>
        </p:spPr>
        <p:txBody>
          <a:bodyPr anchor="b" anchorCtr="0"/>
          <a:lstStyle>
            <a:lvl1pPr>
              <a:defRPr lang="en-US" sz="1051" b="1" i="0" kern="1200" spc="151" baseline="0" dirty="0">
                <a:solidFill>
                  <a:schemeClr val="tx1"/>
                </a:solidFill>
                <a:latin typeface="Barlow SemiBold" pitchFamily="2" charset="77"/>
                <a:ea typeface="+mn-ea"/>
                <a:cs typeface="Calibri" panose="020F0502020204030204" pitchFamily="34" charset="0"/>
              </a:defRPr>
            </a:lvl1pPr>
          </a:lstStyle>
          <a:p>
            <a:pPr marL="7937" lvl="0" indent="0" algn="l" defTabSz="914354" rtl="0" eaLnBrk="1" latinLnBrk="0" hangingPunct="1">
              <a:lnSpc>
                <a:spcPct val="90000"/>
              </a:lnSpc>
              <a:spcBef>
                <a:spcPts val="800"/>
              </a:spcBef>
              <a:spcAft>
                <a:spcPts val="200"/>
              </a:spcAft>
              <a:buClr>
                <a:schemeClr val="accent5"/>
              </a:buClr>
              <a:buFont typeface="Arial" panose="020B0604020202020204" pitchFamily="34" charset="0"/>
              <a:buNone/>
              <a:tabLst/>
            </a:pPr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33268200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-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Round Diagonal Corner Rectangle 39">
            <a:extLst>
              <a:ext uri="{FF2B5EF4-FFF2-40B4-BE49-F238E27FC236}">
                <a16:creationId xmlns:a16="http://schemas.microsoft.com/office/drawing/2014/main" id="{65D005E7-3EB4-5F46-BB0E-09BF9A04BA50}"/>
              </a:ext>
            </a:extLst>
          </p:cNvPr>
          <p:cNvSpPr/>
          <p:nvPr userDrawn="1"/>
        </p:nvSpPr>
        <p:spPr bwMode="gray">
          <a:xfrm>
            <a:off x="511277" y="1297869"/>
            <a:ext cx="4994788" cy="4464774"/>
          </a:xfrm>
          <a:prstGeom prst="round2DiagRect">
            <a:avLst>
              <a:gd name="adj1" fmla="val 2732"/>
              <a:gd name="adj2" fmla="val 0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 Placeholder 14">
            <a:extLst>
              <a:ext uri="{FF2B5EF4-FFF2-40B4-BE49-F238E27FC236}">
                <a16:creationId xmlns:a16="http://schemas.microsoft.com/office/drawing/2014/main" id="{0E4BADFF-983B-6C4B-B706-905FF155335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98666" y="2324181"/>
            <a:ext cx="2841625" cy="279347"/>
          </a:xfrm>
        </p:spPr>
        <p:txBody>
          <a:bodyPr lIns="0" rIns="0">
            <a:noAutofit/>
          </a:bodyPr>
          <a:lstStyle>
            <a:lvl1pPr>
              <a:buFontTx/>
              <a:buNone/>
              <a:defRPr lang="en-US" sz="1050" b="1" i="0" kern="1000" cap="all" spc="150" baseline="0" dirty="0">
                <a:solidFill>
                  <a:srgbClr val="121117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Optional label</a:t>
            </a:r>
          </a:p>
        </p:txBody>
      </p:sp>
      <p:sp>
        <p:nvSpPr>
          <p:cNvPr id="39" name="Picture Placeholder 38">
            <a:extLst>
              <a:ext uri="{FF2B5EF4-FFF2-40B4-BE49-F238E27FC236}">
                <a16:creationId xmlns:a16="http://schemas.microsoft.com/office/drawing/2014/main" id="{949203E0-8555-844A-AC1F-AC670251F105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8039"/>
            <a:ext cx="12192000" cy="6858000"/>
          </a:xfrm>
          <a:custGeom>
            <a:avLst/>
            <a:gdLst>
              <a:gd name="connsiteX0" fmla="*/ 633255 w 12192000"/>
              <a:gd name="connsiteY0" fmla="*/ 1297869 h 6858000"/>
              <a:gd name="connsiteX1" fmla="*/ 511277 w 12192000"/>
              <a:gd name="connsiteY1" fmla="*/ 1419847 h 6858000"/>
              <a:gd name="connsiteX2" fmla="*/ 511277 w 12192000"/>
              <a:gd name="connsiteY2" fmla="*/ 5762643 h 6858000"/>
              <a:gd name="connsiteX3" fmla="*/ 5384087 w 12192000"/>
              <a:gd name="connsiteY3" fmla="*/ 5762643 h 6858000"/>
              <a:gd name="connsiteX4" fmla="*/ 5506065 w 12192000"/>
              <a:gd name="connsiteY4" fmla="*/ 5640665 h 6858000"/>
              <a:gd name="connsiteX5" fmla="*/ 5506065 w 12192000"/>
              <a:gd name="connsiteY5" fmla="*/ 1297869 h 6858000"/>
              <a:gd name="connsiteX6" fmla="*/ 0 w 12192000"/>
              <a:gd name="connsiteY6" fmla="*/ 0 h 6858000"/>
              <a:gd name="connsiteX7" fmla="*/ 12192000 w 12192000"/>
              <a:gd name="connsiteY7" fmla="*/ 0 h 6858000"/>
              <a:gd name="connsiteX8" fmla="*/ 12192000 w 12192000"/>
              <a:gd name="connsiteY8" fmla="*/ 6858000 h 6858000"/>
              <a:gd name="connsiteX9" fmla="*/ 12191999 w 12192000"/>
              <a:gd name="connsiteY9" fmla="*/ 6858000 h 6858000"/>
              <a:gd name="connsiteX10" fmla="*/ 12191999 w 12192000"/>
              <a:gd name="connsiteY10" fmla="*/ 6206441 h 6858000"/>
              <a:gd name="connsiteX11" fmla="*/ 0 w 12192000"/>
              <a:gd name="connsiteY11" fmla="*/ 6206441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6858000">
                <a:moveTo>
                  <a:pt x="633255" y="1297869"/>
                </a:moveTo>
                <a:cubicBezTo>
                  <a:pt x="565888" y="1297869"/>
                  <a:pt x="511277" y="1352480"/>
                  <a:pt x="511277" y="1419847"/>
                </a:cubicBezTo>
                <a:lnTo>
                  <a:pt x="511277" y="5762643"/>
                </a:lnTo>
                <a:lnTo>
                  <a:pt x="5384087" y="5762643"/>
                </a:lnTo>
                <a:cubicBezTo>
                  <a:pt x="5451454" y="5762643"/>
                  <a:pt x="5506065" y="5708032"/>
                  <a:pt x="5506065" y="5640665"/>
                </a:cubicBezTo>
                <a:lnTo>
                  <a:pt x="5506065" y="1297869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6858000"/>
                </a:lnTo>
                <a:lnTo>
                  <a:pt x="12191999" y="6858000"/>
                </a:lnTo>
                <a:lnTo>
                  <a:pt x="12191999" y="6206441"/>
                </a:lnTo>
                <a:lnTo>
                  <a:pt x="0" y="6206441"/>
                </a:lnTo>
                <a:close/>
              </a:path>
            </a:pathLst>
          </a:custGeom>
        </p:spPr>
        <p:txBody>
          <a:bodyPr wrap="square" rIns="1828800" anchor="ctr">
            <a:noAutofit/>
          </a:bodyPr>
          <a:lstStyle>
            <a:lvl1pPr marL="0" indent="0" algn="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US"/>
              <a:t>Insert Image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8504F1A6-80B9-E54C-AFC6-9E48E41F3390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44" name="Graphic 43">
            <a:extLst>
              <a:ext uri="{FF2B5EF4-FFF2-40B4-BE49-F238E27FC236}">
                <a16:creationId xmlns:a16="http://schemas.microsoft.com/office/drawing/2014/main" id="{5302FA32-C33A-9245-9389-F6871C51CB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45" name="Slide Number Placeholder 6">
            <a:extLst>
              <a:ext uri="{FF2B5EF4-FFF2-40B4-BE49-F238E27FC236}">
                <a16:creationId xmlns:a16="http://schemas.microsoft.com/office/drawing/2014/main" id="{B5168A60-DCE2-7042-B2B3-A98F2B6FC86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FFFFFF">
                    <a:alpha val="6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FFFFFF">
                  <a:alpha val="6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Text Placeholder 16">
            <a:extLst>
              <a:ext uri="{FF2B5EF4-FFF2-40B4-BE49-F238E27FC236}">
                <a16:creationId xmlns:a16="http://schemas.microsoft.com/office/drawing/2014/main" id="{11CDB372-135F-0D45-B360-709C8A6011E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98666" y="3059714"/>
            <a:ext cx="4068650" cy="377325"/>
          </a:xfrm>
        </p:spPr>
        <p:txBody>
          <a:bodyPr lIns="0" rIns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5" name="Text Placeholder 16">
            <a:extLst>
              <a:ext uri="{FF2B5EF4-FFF2-40B4-BE49-F238E27FC236}">
                <a16:creationId xmlns:a16="http://schemas.microsoft.com/office/drawing/2014/main" id="{36BB01A8-85C4-FA46-B3BA-AFDF846D4BD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98666" y="3751866"/>
            <a:ext cx="4068650" cy="377325"/>
          </a:xfrm>
        </p:spPr>
        <p:txBody>
          <a:bodyPr lIns="0" rIns="0">
            <a:noAutofit/>
          </a:bodyPr>
          <a:lstStyle>
            <a:lvl1pPr marL="0" indent="0">
              <a:buFontTx/>
              <a:buNone/>
              <a:defRPr lang="en-US" sz="2300" b="0" i="0" u="none" kern="1200" spc="0" baseline="0" dirty="0">
                <a:solidFill>
                  <a:srgbClr val="231F20">
                    <a:alpha val="65000"/>
                  </a:srgbClr>
                </a:solidFill>
                <a:latin typeface="+mn-lt"/>
                <a:ea typeface="Calibri" panose="020F0502020204030204" pitchFamily="34" charset="0"/>
                <a:cs typeface="Roboto"/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4443C28C-7366-BA46-9362-8D70295116AC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3E4FBA53-E18F-AB4E-ABE4-A2D75E1ABD6D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B21C944B-8032-944D-9E7A-A8615EA1154F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010201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stimonial Quote-Dar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43B5E67-B612-415C-9768-6924C623627A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0888E456-5B4E-B44C-B6D2-5609F4DE29FF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2090738" y="2503140"/>
            <a:ext cx="2408237" cy="2233959"/>
          </a:xfrm>
        </p:spPr>
        <p:txBody>
          <a:bodyPr anchor="ctr">
            <a:noAutofit/>
          </a:bodyPr>
          <a:lstStyle>
            <a:lvl1pPr marL="0" indent="0" algn="ctr">
              <a:buFontTx/>
              <a:buNone/>
              <a:defRPr sz="1200" b="0" i="0">
                <a:solidFill>
                  <a:srgbClr val="E6E6EC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/>
              <a:t>Insert Company headshot/logo</a:t>
            </a:r>
          </a:p>
        </p:txBody>
      </p:sp>
      <p:sp>
        <p:nvSpPr>
          <p:cNvPr id="17" name="Left Bracket 16">
            <a:extLst>
              <a:ext uri="{FF2B5EF4-FFF2-40B4-BE49-F238E27FC236}">
                <a16:creationId xmlns:a16="http://schemas.microsoft.com/office/drawing/2014/main" id="{9E3E0B42-77A1-974A-A72B-9B61545A60E9}"/>
              </a:ext>
            </a:extLst>
          </p:cNvPr>
          <p:cNvSpPr/>
          <p:nvPr userDrawn="1"/>
        </p:nvSpPr>
        <p:spPr>
          <a:xfrm>
            <a:off x="1836392" y="2278505"/>
            <a:ext cx="311753" cy="2691065"/>
          </a:xfrm>
          <a:prstGeom prst="leftBracket">
            <a:avLst>
              <a:gd name="adj" fmla="val 818"/>
            </a:avLst>
          </a:prstGeom>
          <a:noFill/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14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799" b="0" i="0" u="none" strike="noStrike" kern="0" cap="none" spc="0" normalizeH="0" baseline="0" noProof="0">
              <a:ln>
                <a:noFill/>
              </a:ln>
              <a:solidFill>
                <a:srgbClr val="3C4F65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" name="Left Bracket 17">
            <a:extLst>
              <a:ext uri="{FF2B5EF4-FFF2-40B4-BE49-F238E27FC236}">
                <a16:creationId xmlns:a16="http://schemas.microsoft.com/office/drawing/2014/main" id="{1F9A4108-D6F5-0D4F-B214-28084E406CC3}"/>
              </a:ext>
            </a:extLst>
          </p:cNvPr>
          <p:cNvSpPr/>
          <p:nvPr userDrawn="1"/>
        </p:nvSpPr>
        <p:spPr>
          <a:xfrm rot="10800000">
            <a:off x="4450316" y="2278505"/>
            <a:ext cx="311753" cy="2691065"/>
          </a:xfrm>
          <a:prstGeom prst="leftBracket">
            <a:avLst>
              <a:gd name="adj" fmla="val 818"/>
            </a:avLst>
          </a:prstGeom>
          <a:noFill/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14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799" b="0" i="0" u="none" strike="noStrike" kern="0" cap="none" spc="0" normalizeH="0" baseline="0" noProof="0">
              <a:ln>
                <a:noFill/>
              </a:ln>
              <a:solidFill>
                <a:srgbClr val="3C4F65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" name="Text Placeholder 24">
            <a:extLst>
              <a:ext uri="{FF2B5EF4-FFF2-40B4-BE49-F238E27FC236}">
                <a16:creationId xmlns:a16="http://schemas.microsoft.com/office/drawing/2014/main" id="{E08F53FD-BC8E-AA4E-A3DE-9331B85B8950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5154613" y="2416890"/>
            <a:ext cx="4953000" cy="261610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1050" b="1" i="0" kern="1200" cap="all" spc="140" baseline="0" dirty="0">
                <a:solidFill>
                  <a:srgbClr val="FFFFFF">
                    <a:alpha val="65098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Edit Name</a:t>
            </a:r>
          </a:p>
        </p:txBody>
      </p:sp>
      <p:sp>
        <p:nvSpPr>
          <p:cNvPr id="20" name="Text Placeholder 24">
            <a:extLst>
              <a:ext uri="{FF2B5EF4-FFF2-40B4-BE49-F238E27FC236}">
                <a16:creationId xmlns:a16="http://schemas.microsoft.com/office/drawing/2014/main" id="{1603E36D-4581-2541-A062-C21B89AF2CF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5154613" y="4687335"/>
            <a:ext cx="4953000" cy="261610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1050" b="1" i="0" kern="1200" cap="all" spc="140" baseline="0" dirty="0">
                <a:solidFill>
                  <a:srgbClr val="FFFFFF">
                    <a:alpha val="65098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Edit Company Name</a:t>
            </a:r>
          </a:p>
        </p:txBody>
      </p:sp>
      <p:sp>
        <p:nvSpPr>
          <p:cNvPr id="21" name="Text Placeholder 30">
            <a:extLst>
              <a:ext uri="{FF2B5EF4-FFF2-40B4-BE49-F238E27FC236}">
                <a16:creationId xmlns:a16="http://schemas.microsoft.com/office/drawing/2014/main" id="{3A679041-2449-744F-9F7C-F5376367FCB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154613" y="2814555"/>
            <a:ext cx="4953000" cy="1736725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2400" b="0" i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Click to edit quote text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40A3A29-BA49-CF43-BFDE-559368FCC1A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sp>
        <p:nvSpPr>
          <p:cNvPr id="25" name="Slide Number Placeholder 6">
            <a:extLst>
              <a:ext uri="{FF2B5EF4-FFF2-40B4-BE49-F238E27FC236}">
                <a16:creationId xmlns:a16="http://schemas.microsoft.com/office/drawing/2014/main" id="{EEE3E8A6-831B-6E4A-A5DB-152B5A57896B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AC7CE492-AA2A-A14D-BFF2-935B9C798CF3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7" name="Freeform 26">
              <a:extLst>
                <a:ext uri="{FF2B5EF4-FFF2-40B4-BE49-F238E27FC236}">
                  <a16:creationId xmlns:a16="http://schemas.microsoft.com/office/drawing/2014/main" id="{F1E3221F-DF7F-3345-A9C6-78248A0022EC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3" name="Freeform 32">
              <a:extLst>
                <a:ext uri="{FF2B5EF4-FFF2-40B4-BE49-F238E27FC236}">
                  <a16:creationId xmlns:a16="http://schemas.microsoft.com/office/drawing/2014/main" id="{8990338B-B854-7F49-AF85-FAC56FB9A625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34" name="Graphic 33">
            <a:extLst>
              <a:ext uri="{FF2B5EF4-FFF2-40B4-BE49-F238E27FC236}">
                <a16:creationId xmlns:a16="http://schemas.microsoft.com/office/drawing/2014/main" id="{6C19F8D9-DA0B-3942-AEE4-DD365E7DCDE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300503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280" userDrawn="1">
          <p15:clr>
            <a:srgbClr val="FBAE40"/>
          </p15:clr>
        </p15:guide>
        <p15:guide id="2" pos="32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stimonial-Dar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Left Bracket 18">
            <a:extLst>
              <a:ext uri="{FF2B5EF4-FFF2-40B4-BE49-F238E27FC236}">
                <a16:creationId xmlns:a16="http://schemas.microsoft.com/office/drawing/2014/main" id="{E37EEF25-E426-9A48-8FFC-312A819CB8DC}"/>
              </a:ext>
            </a:extLst>
          </p:cNvPr>
          <p:cNvSpPr/>
          <p:nvPr userDrawn="1"/>
        </p:nvSpPr>
        <p:spPr>
          <a:xfrm>
            <a:off x="2001416" y="2015553"/>
            <a:ext cx="311753" cy="3207895"/>
          </a:xfrm>
          <a:prstGeom prst="leftBracket">
            <a:avLst>
              <a:gd name="adj" fmla="val 818"/>
            </a:avLst>
          </a:prstGeom>
          <a:noFill/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14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799" b="0" i="0" u="none" strike="noStrike" kern="0" cap="none" spc="0" normalizeH="0" baseline="0" noProof="0">
              <a:ln>
                <a:noFill/>
              </a:ln>
              <a:solidFill>
                <a:srgbClr val="3C4F65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" name="Left Bracket 19">
            <a:extLst>
              <a:ext uri="{FF2B5EF4-FFF2-40B4-BE49-F238E27FC236}">
                <a16:creationId xmlns:a16="http://schemas.microsoft.com/office/drawing/2014/main" id="{6F2BEC37-3320-0247-BD72-808F71CE5E98}"/>
              </a:ext>
            </a:extLst>
          </p:cNvPr>
          <p:cNvSpPr/>
          <p:nvPr userDrawn="1"/>
        </p:nvSpPr>
        <p:spPr>
          <a:xfrm rot="10800000">
            <a:off x="9888806" y="2015552"/>
            <a:ext cx="311753" cy="3207895"/>
          </a:xfrm>
          <a:prstGeom prst="leftBracket">
            <a:avLst>
              <a:gd name="adj" fmla="val 818"/>
            </a:avLst>
          </a:prstGeom>
          <a:noFill/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14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799" b="0" i="0" u="none" strike="noStrike" kern="0" cap="none" spc="0" normalizeH="0" baseline="0" noProof="0">
              <a:ln>
                <a:noFill/>
              </a:ln>
              <a:solidFill>
                <a:srgbClr val="3C4F65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" name="Text Placeholder 24">
            <a:extLst>
              <a:ext uri="{FF2B5EF4-FFF2-40B4-BE49-F238E27FC236}">
                <a16:creationId xmlns:a16="http://schemas.microsoft.com/office/drawing/2014/main" id="{15BD8603-CB2B-4748-AF2C-8CF00606A3C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768599" y="2390312"/>
            <a:ext cx="6714433" cy="261610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1050" b="1" i="0" kern="1200" cap="all" spc="140" baseline="0" dirty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Edit Name</a:t>
            </a:r>
          </a:p>
        </p:txBody>
      </p:sp>
      <p:sp>
        <p:nvSpPr>
          <p:cNvPr id="22" name="Text Placeholder 24">
            <a:extLst>
              <a:ext uri="{FF2B5EF4-FFF2-40B4-BE49-F238E27FC236}">
                <a16:creationId xmlns:a16="http://schemas.microsoft.com/office/drawing/2014/main" id="{86546562-5EAC-2F46-A5EA-9E2B152AB83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768599" y="4573647"/>
            <a:ext cx="6714433" cy="261610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1050" b="1" i="0" kern="1200" cap="all" spc="140" baseline="0" dirty="0">
                <a:solidFill>
                  <a:srgbClr val="FFFFFF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Edit Company Name</a:t>
            </a:r>
          </a:p>
        </p:txBody>
      </p:sp>
      <p:sp>
        <p:nvSpPr>
          <p:cNvPr id="23" name="Text Placeholder 30">
            <a:extLst>
              <a:ext uri="{FF2B5EF4-FFF2-40B4-BE49-F238E27FC236}">
                <a16:creationId xmlns:a16="http://schemas.microsoft.com/office/drawing/2014/main" id="{A10B127B-EEEF-7E44-8866-1D0530BA660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72567" y="2744422"/>
            <a:ext cx="6714433" cy="1736725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2600" b="0" i="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Click to edit quote text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F223436B-73C8-034F-BEA5-E467BF0C9B9F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sp>
        <p:nvSpPr>
          <p:cNvPr id="18" name="Slide Number Placeholder 6">
            <a:extLst>
              <a:ext uri="{FF2B5EF4-FFF2-40B4-BE49-F238E27FC236}">
                <a16:creationId xmlns:a16="http://schemas.microsoft.com/office/drawing/2014/main" id="{DC99829D-9095-D445-BCB6-EBADB341869F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2605052F-7883-364A-884A-A1C96C99B921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6" name="Freeform 25">
              <a:extLst>
                <a:ext uri="{FF2B5EF4-FFF2-40B4-BE49-F238E27FC236}">
                  <a16:creationId xmlns:a16="http://schemas.microsoft.com/office/drawing/2014/main" id="{1D60372F-422C-114A-A6AE-F17496D8670D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EE55F36B-1EC5-444F-B025-921CA59AF8E5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31" name="Graphic 30">
            <a:extLst>
              <a:ext uri="{FF2B5EF4-FFF2-40B4-BE49-F238E27FC236}">
                <a16:creationId xmlns:a16="http://schemas.microsoft.com/office/drawing/2014/main" id="{F76A9A40-98B3-774E-AD27-9495105BE64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55447F3F-7502-400C-87F3-CC17F3C92B4B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383942307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280" userDrawn="1">
          <p15:clr>
            <a:srgbClr val="FBAE40"/>
          </p15:clr>
        </p15:guide>
        <p15:guide id="2" pos="1752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Image-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614DCB0E-31C0-254C-A496-794E7136522D}"/>
              </a:ext>
            </a:extLst>
          </p:cNvPr>
          <p:cNvSpPr/>
          <p:nvPr userDrawn="1"/>
        </p:nvSpPr>
        <p:spPr>
          <a:xfrm>
            <a:off x="8140615" y="0"/>
            <a:ext cx="4081548" cy="6865938"/>
          </a:xfrm>
          <a:prstGeom prst="rect">
            <a:avLst/>
          </a:prstGeom>
          <a:solidFill>
            <a:srgbClr val="3B3A3E">
              <a:alpha val="29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0213FB3-365E-6346-9948-8F9BA894E744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40701" y="-7938"/>
            <a:ext cx="4051300" cy="6865938"/>
          </a:xfrm>
        </p:spPr>
        <p:txBody>
          <a:bodyPr rIns="0" anchor="ctr">
            <a:normAutofit/>
          </a:bodyPr>
          <a:lstStyle>
            <a:lvl1pPr marL="0" indent="0" algn="ctr">
              <a:buFontTx/>
              <a:buNone/>
              <a:defRPr sz="1200">
                <a:solidFill>
                  <a:srgbClr val="57565D"/>
                </a:solidFill>
              </a:defRPr>
            </a:lvl1pPr>
          </a:lstStyle>
          <a:p>
            <a:r>
              <a:rPr lang="en-US"/>
              <a:t>Insert image</a:t>
            </a:r>
          </a:p>
        </p:txBody>
      </p:sp>
      <p:sp>
        <p:nvSpPr>
          <p:cNvPr id="16" name="Text Placeholder 16">
            <a:extLst>
              <a:ext uri="{FF2B5EF4-FFF2-40B4-BE49-F238E27FC236}">
                <a16:creationId xmlns:a16="http://schemas.microsoft.com/office/drawing/2014/main" id="{CDCF5118-CEDD-1C43-9B78-E6AB2197EAC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683064"/>
            <a:ext cx="7286803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23" name="Content Placeholder 17">
            <a:extLst>
              <a:ext uri="{FF2B5EF4-FFF2-40B4-BE49-F238E27FC236}">
                <a16:creationId xmlns:a16="http://schemas.microsoft.com/office/drawing/2014/main" id="{66EE51B9-15DC-9644-B239-4292804ED06F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7286075" cy="3612583"/>
          </a:xfrm>
        </p:spPr>
        <p:txBody>
          <a:bodyPr/>
          <a:lstStyle>
            <a:lvl1pPr>
              <a:defRPr sz="22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F58C68C0-81E8-6742-AC1B-9A5229176B76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EA12F559-80F5-9C47-A231-5D737560B561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C3AE8244-28F7-A044-AD24-7B85F51A7668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29FE6984-230C-F642-9637-D8A0CD9D6008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5" name="Freeform 24">
              <a:extLst>
                <a:ext uri="{FF2B5EF4-FFF2-40B4-BE49-F238E27FC236}">
                  <a16:creationId xmlns:a16="http://schemas.microsoft.com/office/drawing/2014/main" id="{061B1058-4959-684C-9D39-108359E40B5C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27" name="Graphic 26">
            <a:extLst>
              <a:ext uri="{FF2B5EF4-FFF2-40B4-BE49-F238E27FC236}">
                <a16:creationId xmlns:a16="http://schemas.microsoft.com/office/drawing/2014/main" id="{463BEC65-9FA6-D047-AEC1-BCE64609418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CD1F0884-2708-4F75-AA03-C5CD39DBC78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399449877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Wide Image-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29A15F49-0926-F94E-BE15-A03B948C0FF0}"/>
              </a:ext>
            </a:extLst>
          </p:cNvPr>
          <p:cNvSpPr/>
          <p:nvPr userDrawn="1"/>
        </p:nvSpPr>
        <p:spPr>
          <a:xfrm>
            <a:off x="4169228" y="0"/>
            <a:ext cx="8022772" cy="6857999"/>
          </a:xfrm>
          <a:prstGeom prst="rect">
            <a:avLst/>
          </a:prstGeom>
          <a:solidFill>
            <a:srgbClr val="3B3A3E">
              <a:alpha val="29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Picture Placeholder 2">
            <a:extLst>
              <a:ext uri="{FF2B5EF4-FFF2-40B4-BE49-F238E27FC236}">
                <a16:creationId xmlns:a16="http://schemas.microsoft.com/office/drawing/2014/main" id="{0EEE7090-BF2A-D14E-91DD-E398A8077E5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169228" y="-7939"/>
            <a:ext cx="8022773" cy="6865937"/>
          </a:xfrm>
        </p:spPr>
        <p:txBody>
          <a:bodyPr rIns="0" anchor="ctr">
            <a:normAutofit/>
          </a:bodyPr>
          <a:lstStyle>
            <a:lvl1pPr algn="ctr">
              <a:defRPr sz="1200">
                <a:solidFill>
                  <a:srgbClr val="57565D"/>
                </a:solidFill>
              </a:defRPr>
            </a:lvl1pPr>
          </a:lstStyle>
          <a:p>
            <a:r>
              <a:rPr lang="en-US"/>
              <a:t>Insert image</a:t>
            </a:r>
          </a:p>
        </p:txBody>
      </p:sp>
      <p:sp>
        <p:nvSpPr>
          <p:cNvPr id="25" name="Text Placeholder 16">
            <a:extLst>
              <a:ext uri="{FF2B5EF4-FFF2-40B4-BE49-F238E27FC236}">
                <a16:creationId xmlns:a16="http://schemas.microsoft.com/office/drawing/2014/main" id="{532A5B64-C948-1747-9B40-8364BBFB530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9" y="1683064"/>
            <a:ext cx="3347320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+mn-lt"/>
                <a:ea typeface="Roboto"/>
                <a:cs typeface="Roboto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9" name="Content Placeholder 19">
            <a:extLst>
              <a:ext uri="{FF2B5EF4-FFF2-40B4-BE49-F238E27FC236}">
                <a16:creationId xmlns:a16="http://schemas.microsoft.com/office/drawing/2014/main" id="{F47464C2-7FBC-114D-977C-67A825B8F2A5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597488" y="2108200"/>
            <a:ext cx="3342855" cy="3612583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C1CD15F-B257-BC4A-9727-6E3422134147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sp>
        <p:nvSpPr>
          <p:cNvPr id="20" name="Slide Number Placeholder 6">
            <a:extLst>
              <a:ext uri="{FF2B5EF4-FFF2-40B4-BE49-F238E27FC236}">
                <a16:creationId xmlns:a16="http://schemas.microsoft.com/office/drawing/2014/main" id="{B334E6AB-DC2E-3A4B-BE94-5B76AE9CAE3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440862BA-30FB-064F-B3B1-F04E66CD7B26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A76B8447-017C-F64C-A5E1-4AE6C7BD4021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878FA569-C37A-014C-8491-816055C1FAE5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26" name="Graphic 25">
            <a:extLst>
              <a:ext uri="{FF2B5EF4-FFF2-40B4-BE49-F238E27FC236}">
                <a16:creationId xmlns:a16="http://schemas.microsoft.com/office/drawing/2014/main" id="{10CE92ED-DDD1-154E-A21C-AB30495E2D4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51742DBA-70FF-4D8A-86E5-80706DF62DEA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264371419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Bullets-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F1C85028-C5D1-F646-B157-AE10F5E36F67}"/>
              </a:ext>
            </a:extLst>
          </p:cNvPr>
          <p:cNvSpPr/>
          <p:nvPr userDrawn="1"/>
        </p:nvSpPr>
        <p:spPr bwMode="ltGray">
          <a:xfrm>
            <a:off x="8141347" y="-9144"/>
            <a:ext cx="4080256" cy="6885432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 Placeholder 16">
            <a:extLst>
              <a:ext uri="{FF2B5EF4-FFF2-40B4-BE49-F238E27FC236}">
                <a16:creationId xmlns:a16="http://schemas.microsoft.com/office/drawing/2014/main" id="{B73C09C1-402A-0042-9BE6-B6C5B16AF9C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262565"/>
            <a:ext cx="7286803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D662C25-4247-E04C-BA51-9581B188A2C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8971200" y="1596747"/>
            <a:ext cx="2469600" cy="3613150"/>
          </a:xfrm>
        </p:spPr>
        <p:txBody>
          <a:bodyPr lIns="0">
            <a:noAutofit/>
          </a:bodyPr>
          <a:lstStyle>
            <a:lvl1pPr marL="0" indent="0">
              <a:buClr>
                <a:srgbClr val="E00600"/>
              </a:buClr>
              <a:buFontTx/>
              <a:buNone/>
              <a:defRPr sz="2000" b="1" i="0">
                <a:solidFill>
                  <a:srgbClr val="E6E6EC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20650" indent="-114300">
              <a:tabLst/>
              <a:defRPr sz="1200" b="0" i="0">
                <a:solidFill>
                  <a:srgbClr val="E6E6EC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</a:lstStyle>
          <a:p>
            <a:pPr lvl="0"/>
            <a:r>
              <a:rPr lang="en-US"/>
              <a:t>Click to edit bullet text</a:t>
            </a:r>
          </a:p>
          <a:p>
            <a:pPr lvl="1"/>
            <a:r>
              <a:rPr lang="en-US"/>
              <a:t>Sub-bullet style</a:t>
            </a:r>
          </a:p>
        </p:txBody>
      </p:sp>
      <p:sp>
        <p:nvSpPr>
          <p:cNvPr id="82" name="Text Placeholder 23">
            <a:extLst>
              <a:ext uri="{FF2B5EF4-FFF2-40B4-BE49-F238E27FC236}">
                <a16:creationId xmlns:a16="http://schemas.microsoft.com/office/drawing/2014/main" id="{96042D72-8974-024A-9F2B-1D67464A692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639889"/>
            <a:ext cx="7286075" cy="310353"/>
          </a:xfrm>
        </p:spPr>
        <p:txBody>
          <a:bodyPr tIns="0" bIns="91440" anchor="t" anchorCtr="0"/>
          <a:lstStyle/>
          <a:p>
            <a:pPr lvl="4"/>
            <a:r>
              <a:rPr lang="en-US"/>
              <a:t>Edit subhead headline</a:t>
            </a:r>
          </a:p>
        </p:txBody>
      </p:sp>
      <p:sp>
        <p:nvSpPr>
          <p:cNvPr id="84" name="Content Placeholder 17">
            <a:extLst>
              <a:ext uri="{FF2B5EF4-FFF2-40B4-BE49-F238E27FC236}">
                <a16:creationId xmlns:a16="http://schemas.microsoft.com/office/drawing/2014/main" id="{C526C78E-9963-0E47-A931-29676FCA3A9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7286075" cy="3612583"/>
          </a:xfrm>
        </p:spPr>
        <p:txBody>
          <a:bodyPr/>
          <a:lstStyle>
            <a:lvl1pPr>
              <a:defRPr sz="22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7525" indent="-117475"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933F533-6EB8-664E-BE68-8996D6E38605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sp>
        <p:nvSpPr>
          <p:cNvPr id="18" name="Slide Number Placeholder 6">
            <a:extLst>
              <a:ext uri="{FF2B5EF4-FFF2-40B4-BE49-F238E27FC236}">
                <a16:creationId xmlns:a16="http://schemas.microsoft.com/office/drawing/2014/main" id="{C3C89369-A717-ED4F-A7CE-897C8DDE7989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A1A7E795-B7B5-C24C-AD06-B697910E268A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0C4E6E9F-7B49-1D44-A7B7-7B6C0F788C80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0830D40C-E083-6E4D-8C0B-CEFDE33F1FA0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23" name="Graphic 22">
            <a:extLst>
              <a:ext uri="{FF2B5EF4-FFF2-40B4-BE49-F238E27FC236}">
                <a16:creationId xmlns:a16="http://schemas.microsoft.com/office/drawing/2014/main" id="{C084F24E-9309-3948-8021-F2285EADC4A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1F1FB34D-E9EF-4D0E-B0CA-70D63998A0B6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201690717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Subhead-Dark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BD990F-C862-F144-B9F3-B0940A3B5DB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99038" y="2108935"/>
            <a:ext cx="10960904" cy="3612584"/>
          </a:xfrm>
        </p:spPr>
        <p:txBody>
          <a:bodyPr/>
          <a:lstStyle>
            <a:lvl1pPr>
              <a:defRPr sz="22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 b="0" i="0">
                <a:solidFill>
                  <a:schemeClr val="bg1"/>
                </a:solidFill>
                <a:latin typeface="+mn-lt"/>
                <a:cs typeface="Calibri Light" panose="020F0302020204030204" pitchFamily="34" charset="0"/>
              </a:defRPr>
            </a:lvl3pPr>
            <a:lvl4pPr marL="517525" indent="-122238">
              <a:defRPr b="0" i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b="0" i="0">
                <a:solidFill>
                  <a:schemeClr val="bg2">
                    <a:alpha val="65000"/>
                  </a:schemeClr>
                </a:solidFill>
                <a:latin typeface="+mn-lt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1211767"/>
            <a:ext cx="10960904" cy="428123"/>
          </a:xfrm>
          <a:prstGeom prst="rect">
            <a:avLst/>
          </a:prstGeom>
        </p:spPr>
        <p:txBody>
          <a:bodyPr anchor="b">
            <a:noAutofit/>
          </a:bodyPr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C9C02521-3988-1047-A999-18A82BF7470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639889"/>
            <a:ext cx="10960904" cy="310353"/>
          </a:xfrm>
        </p:spPr>
        <p:txBody>
          <a:bodyPr tIns="0" bIns="91440" anchor="t" anchorCtr="0"/>
          <a:lstStyle/>
          <a:p>
            <a:pPr lvl="4"/>
            <a:r>
              <a:rPr lang="en-US"/>
              <a:t>Edit subhead headlin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22B3134-EE7D-5A41-B752-18281777F293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6" name="Graphic 15">
            <a:extLst>
              <a:ext uri="{FF2B5EF4-FFF2-40B4-BE49-F238E27FC236}">
                <a16:creationId xmlns:a16="http://schemas.microsoft.com/office/drawing/2014/main" id="{12724A2B-3CAB-9449-B3F5-3D5D4000EF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BE2A5613-CF61-FE48-B005-3AA9C8F78124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C48CF957-2FD7-924D-B43C-BB9FADF18805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822E13C2-4E8A-D448-8A8A-B66F5A6ACE53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1EDF4002-8C2B-2647-A0D9-FD5BB7922E1C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81AFFAFE-9CED-41A5-BC20-FD930D88A69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196105580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Subhead-Dark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C9C02521-3988-1047-A999-18A82BF7470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153662"/>
            <a:ext cx="10960904" cy="310353"/>
          </a:xfrm>
        </p:spPr>
        <p:txBody>
          <a:bodyPr tIns="0" bIns="91440" anchor="t" anchorCtr="0"/>
          <a:lstStyle/>
          <a:p>
            <a:pPr lvl="4"/>
            <a:r>
              <a:rPr lang="en-US"/>
              <a:t>Edit subhead headline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85B46735-D688-554F-B12B-E97364451BD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/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1493914F-813C-B440-8F12-72810860E325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99038" y="1622707"/>
            <a:ext cx="10960904" cy="4417419"/>
          </a:xfrm>
        </p:spPr>
        <p:txBody>
          <a:bodyPr/>
          <a:lstStyle>
            <a:lvl1pPr>
              <a:defRPr sz="22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 b="0" i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b="0" i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b="0" i="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ADC02BD-FD87-524E-B5EC-0514A52D7501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456DB1AD-04B1-F14A-A2D6-3B620933D2D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8" name="Slide Number Placeholder 6">
            <a:extLst>
              <a:ext uri="{FF2B5EF4-FFF2-40B4-BE49-F238E27FC236}">
                <a16:creationId xmlns:a16="http://schemas.microsoft.com/office/drawing/2014/main" id="{18DF903E-F28D-9144-96F5-25D5C163BB7A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C486D06A-3F56-694E-A61F-B4EF5BCD1C5C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20D3E278-2F98-1642-AED3-E90523A33427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929A38AD-12E8-CE48-91DE-3A553FB2B1E1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5542291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stimonial-Light Bg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>
            <a:extLst>
              <a:ext uri="{FF2B5EF4-FFF2-40B4-BE49-F238E27FC236}">
                <a16:creationId xmlns:a16="http://schemas.microsoft.com/office/drawing/2014/main" id="{8D0CD3FB-4D26-F747-8C78-F7CFB540F3DA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30" name="Graphic 29">
            <a:extLst>
              <a:ext uri="{FF2B5EF4-FFF2-40B4-BE49-F238E27FC236}">
                <a16:creationId xmlns:a16="http://schemas.microsoft.com/office/drawing/2014/main" id="{B79B1A89-1713-E545-AA7A-043F833B28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5" name="Left Bracket 14">
            <a:extLst>
              <a:ext uri="{FF2B5EF4-FFF2-40B4-BE49-F238E27FC236}">
                <a16:creationId xmlns:a16="http://schemas.microsoft.com/office/drawing/2014/main" id="{60FE6DC3-580E-FF40-AC8C-277D6CCA657A}"/>
              </a:ext>
            </a:extLst>
          </p:cNvPr>
          <p:cNvSpPr/>
          <p:nvPr userDrawn="1"/>
        </p:nvSpPr>
        <p:spPr>
          <a:xfrm>
            <a:off x="2001416" y="2015553"/>
            <a:ext cx="311753" cy="3207895"/>
          </a:xfrm>
          <a:prstGeom prst="leftBracket">
            <a:avLst>
              <a:gd name="adj" fmla="val 818"/>
            </a:avLst>
          </a:prstGeom>
          <a:noFill/>
          <a:ln w="1905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14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799" b="0" i="0" u="none" strike="noStrike" kern="0" cap="none" spc="0" normalizeH="0" baseline="0" noProof="0">
              <a:ln>
                <a:noFill/>
              </a:ln>
              <a:solidFill>
                <a:srgbClr val="3C4F65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" name="Left Bracket 15">
            <a:extLst>
              <a:ext uri="{FF2B5EF4-FFF2-40B4-BE49-F238E27FC236}">
                <a16:creationId xmlns:a16="http://schemas.microsoft.com/office/drawing/2014/main" id="{15589A95-3608-4C48-ACB7-46FDE32217D8}"/>
              </a:ext>
            </a:extLst>
          </p:cNvPr>
          <p:cNvSpPr/>
          <p:nvPr userDrawn="1"/>
        </p:nvSpPr>
        <p:spPr>
          <a:xfrm rot="10800000">
            <a:off x="9888806" y="2015552"/>
            <a:ext cx="311753" cy="3207895"/>
          </a:xfrm>
          <a:prstGeom prst="leftBracket">
            <a:avLst>
              <a:gd name="adj" fmla="val 818"/>
            </a:avLst>
          </a:prstGeom>
          <a:noFill/>
          <a:ln w="1905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14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799" b="0" i="0" u="none" strike="noStrike" kern="0" cap="none" spc="0" normalizeH="0" baseline="0" noProof="0">
              <a:ln>
                <a:noFill/>
              </a:ln>
              <a:solidFill>
                <a:srgbClr val="3C4F65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" name="Text Placeholder 24">
            <a:extLst>
              <a:ext uri="{FF2B5EF4-FFF2-40B4-BE49-F238E27FC236}">
                <a16:creationId xmlns:a16="http://schemas.microsoft.com/office/drawing/2014/main" id="{D3CDDAC7-50DC-7D41-8EBC-F4B121DB31C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768599" y="2390312"/>
            <a:ext cx="6714433" cy="261610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1050" b="1" i="0" kern="1200" cap="all" spc="140" baseline="0" dirty="0">
                <a:solidFill>
                  <a:srgbClr val="131019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Edit Name</a:t>
            </a:r>
          </a:p>
        </p:txBody>
      </p:sp>
      <p:sp>
        <p:nvSpPr>
          <p:cNvPr id="18" name="Text Placeholder 24">
            <a:extLst>
              <a:ext uri="{FF2B5EF4-FFF2-40B4-BE49-F238E27FC236}">
                <a16:creationId xmlns:a16="http://schemas.microsoft.com/office/drawing/2014/main" id="{6967B9E8-C068-7D4A-AF89-AF53C87063C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768599" y="4573647"/>
            <a:ext cx="6714433" cy="261610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1050" b="1" i="0" kern="1200" cap="all" spc="140" baseline="0" dirty="0">
                <a:solidFill>
                  <a:srgbClr val="131019">
                    <a:alpha val="65000"/>
                  </a:srgbClr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Edit Company Name</a:t>
            </a:r>
          </a:p>
        </p:txBody>
      </p:sp>
      <p:sp>
        <p:nvSpPr>
          <p:cNvPr id="19" name="Text Placeholder 30">
            <a:extLst>
              <a:ext uri="{FF2B5EF4-FFF2-40B4-BE49-F238E27FC236}">
                <a16:creationId xmlns:a16="http://schemas.microsoft.com/office/drawing/2014/main" id="{144D99FE-E144-3F43-A35F-22A0BBC8E40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772567" y="2744422"/>
            <a:ext cx="6714433" cy="1736725"/>
          </a:xfrm>
        </p:spPr>
        <p:txBody>
          <a:bodyPr lIns="0">
            <a:noAutofit/>
          </a:bodyPr>
          <a:lstStyle>
            <a:lvl1pPr marL="0" indent="0">
              <a:buFontTx/>
              <a:buNone/>
              <a:defRPr lang="en-US" sz="2600" b="0" i="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Click to edit quote text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31BF5AA9-9928-1040-A666-9410DC80DFEE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5E27CEC7-32AB-A649-90A6-39E47F63AE60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25C5FB85-863F-6049-9250-EAA0DE4E5DFD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4" name="Slide Number Placeholder 6">
            <a:extLst>
              <a:ext uri="{FF2B5EF4-FFF2-40B4-BE49-F238E27FC236}">
                <a16:creationId xmlns:a16="http://schemas.microsoft.com/office/drawing/2014/main" id="{876F16EA-383F-0C47-BB56-113A0BD7240D}"/>
              </a:ext>
            </a:extLst>
          </p:cNvPr>
          <p:cNvSpPr txBox="1">
            <a:spLocks/>
          </p:cNvSpPr>
          <p:nvPr userDrawn="1"/>
        </p:nvSpPr>
        <p:spPr>
          <a:xfrm>
            <a:off x="11616172" y="6347258"/>
            <a:ext cx="398545" cy="359009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mtClean="0"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71DCC94A-BE0A-4E7B-B71A-07CC7E5F6E9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1188" y="418761"/>
            <a:ext cx="3557587" cy="283464"/>
          </a:xfrm>
        </p:spPr>
        <p:txBody>
          <a:bodyPr/>
          <a:lstStyle>
            <a:lvl1pPr>
              <a:defRPr sz="1050" b="1" spc="150" baseline="0">
                <a:latin typeface="+mn-lt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3473936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752" userDrawn="1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BD990F-C862-F144-B9F3-B0940A3B5DB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99038" y="1622707"/>
            <a:ext cx="10960904" cy="4417419"/>
          </a:xfrm>
        </p:spPr>
        <p:txBody>
          <a:bodyPr/>
          <a:lstStyle>
            <a:lvl1pPr>
              <a:defRPr sz="22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 b="0" i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b="0" i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b="0" i="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05D6C18-C8CE-E540-9AE5-02412B28664B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77934A70-AD2A-E042-8474-D59823B4EE3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5" name="Slide Number Placeholder 6">
            <a:extLst>
              <a:ext uri="{FF2B5EF4-FFF2-40B4-BE49-F238E27FC236}">
                <a16:creationId xmlns:a16="http://schemas.microsoft.com/office/drawing/2014/main" id="{4788E81B-C63F-3849-9139-EA1DF38017E1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FB3EE27-FA54-D546-9AB0-CAB89C98A2CB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2C615FEA-8394-8D40-82A7-86EB350284BF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8" name="Freeform 17">
              <a:extLst>
                <a:ext uri="{FF2B5EF4-FFF2-40B4-BE49-F238E27FC236}">
                  <a16:creationId xmlns:a16="http://schemas.microsoft.com/office/drawing/2014/main" id="{C90965C6-DF06-5541-8768-FD2A25221CBA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114677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-Subhead-Dark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0" name="Content Placeholder 17">
            <a:extLst>
              <a:ext uri="{FF2B5EF4-FFF2-40B4-BE49-F238E27FC236}">
                <a16:creationId xmlns:a16="http://schemas.microsoft.com/office/drawing/2014/main" id="{E6A75C73-78BF-9540-ADAE-B8F37C29279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5311139" cy="3612583"/>
          </a:xfrm>
        </p:spPr>
        <p:txBody>
          <a:bodyPr/>
          <a:lstStyle>
            <a:lvl1pPr>
              <a:defRPr sz="2200" b="0" i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11" name="Content Placeholder 19">
            <a:extLst>
              <a:ext uri="{FF2B5EF4-FFF2-40B4-BE49-F238E27FC236}">
                <a16:creationId xmlns:a16="http://schemas.microsoft.com/office/drawing/2014/main" id="{3692CD83-320A-D84C-91F3-DFCF87041C6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75937" y="2108200"/>
            <a:ext cx="5284005" cy="3612583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15" name="Text Placeholder 23">
            <a:extLst>
              <a:ext uri="{FF2B5EF4-FFF2-40B4-BE49-F238E27FC236}">
                <a16:creationId xmlns:a16="http://schemas.microsoft.com/office/drawing/2014/main" id="{D536A353-449D-1041-B7F7-D5F974702090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153662"/>
            <a:ext cx="10960904" cy="310353"/>
          </a:xfrm>
        </p:spPr>
        <p:txBody>
          <a:bodyPr tIns="0" bIns="91440" anchor="t" anchorCtr="0"/>
          <a:lstStyle/>
          <a:p>
            <a:pPr lvl="4"/>
            <a:r>
              <a:rPr lang="en-US"/>
              <a:t>Edit subhead headline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F1CBFF0A-2F36-4048-8279-9D41577F15EF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FF54E064-4D4B-3C43-98BD-76E3C8E4571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8" name="Slide Number Placeholder 6">
            <a:extLst>
              <a:ext uri="{FF2B5EF4-FFF2-40B4-BE49-F238E27FC236}">
                <a16:creationId xmlns:a16="http://schemas.microsoft.com/office/drawing/2014/main" id="{6EF85B73-8D8F-9645-BC28-8368E092927C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7B50AED1-D87B-774A-B973-2648DB3F6F83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B9F8ADBF-CA4D-CB40-9AFE-271E3004A86D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BF8888B2-2A4A-9C44-AB7C-75A2E95E39C0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386508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-Subhead-Dark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59B36427-EE3A-B641-B041-90D1735AEEE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262565"/>
            <a:ext cx="10960904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74771726-BB85-6B46-80DD-E22DF88A2EE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639889"/>
            <a:ext cx="10960904" cy="310353"/>
          </a:xfrm>
        </p:spPr>
        <p:txBody>
          <a:bodyPr tIns="0" bIns="91440" anchor="t" anchorCtr="0"/>
          <a:lstStyle/>
          <a:p>
            <a:pPr lvl="4"/>
            <a:r>
              <a:rPr lang="en-US"/>
              <a:t>Edit subhead headline</a:t>
            </a:r>
          </a:p>
        </p:txBody>
      </p:sp>
      <p:sp>
        <p:nvSpPr>
          <p:cNvPr id="25" name="Content Placeholder 17">
            <a:extLst>
              <a:ext uri="{FF2B5EF4-FFF2-40B4-BE49-F238E27FC236}">
                <a16:creationId xmlns:a16="http://schemas.microsoft.com/office/drawing/2014/main" id="{F0DCFB7C-3626-6746-9454-0F38859F3A01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5311139" cy="3612583"/>
          </a:xfrm>
        </p:spPr>
        <p:txBody>
          <a:bodyPr/>
          <a:lstStyle>
            <a:lvl1pPr>
              <a:defRPr sz="2200" b="0" i="0" strike="noStrike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 strike="noStrike">
                <a:solidFill>
                  <a:schemeClr val="bg1"/>
                </a:solidFill>
              </a:defRPr>
            </a:lvl2pPr>
            <a:lvl3pPr>
              <a:defRPr strike="noStrike">
                <a:solidFill>
                  <a:schemeClr val="bg1"/>
                </a:solidFill>
              </a:defRPr>
            </a:lvl3pPr>
            <a:lvl4pPr marL="515938" indent="-115888">
              <a:tabLst/>
              <a:defRPr strike="noStrike"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27" name="Content Placeholder 19">
            <a:extLst>
              <a:ext uri="{FF2B5EF4-FFF2-40B4-BE49-F238E27FC236}">
                <a16:creationId xmlns:a16="http://schemas.microsoft.com/office/drawing/2014/main" id="{EF0287D8-DF5A-7F4A-97E0-B36F4D638601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75937" y="2108200"/>
            <a:ext cx="5284005" cy="3612583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0BD5B0A-474B-094E-BCE7-36BA7BEEE0D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6" name="Graphic 15">
            <a:extLst>
              <a:ext uri="{FF2B5EF4-FFF2-40B4-BE49-F238E27FC236}">
                <a16:creationId xmlns:a16="http://schemas.microsoft.com/office/drawing/2014/main" id="{896E75D8-C47F-B24D-9E26-2DA98B427E5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8" name="Slide Number Placeholder 6">
            <a:extLst>
              <a:ext uri="{FF2B5EF4-FFF2-40B4-BE49-F238E27FC236}">
                <a16:creationId xmlns:a16="http://schemas.microsoft.com/office/drawing/2014/main" id="{550F5EE2-F71E-464D-8545-D008CC38B51C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09FDB71E-D4D2-8E4B-92A1-7656B936DD13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BF922AA1-E216-5D45-8944-2078CE78E4F7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83DEB520-78B8-8F4E-8391-FE817647F68D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7C758054-F10A-4281-8996-9B0CCCC69CE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14407182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Text-Subhead-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59B36427-EE3A-B641-B041-90D1735AEEE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262565"/>
            <a:ext cx="10960904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bg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21" name="Text Placeholder 23">
            <a:extLst>
              <a:ext uri="{FF2B5EF4-FFF2-40B4-BE49-F238E27FC236}">
                <a16:creationId xmlns:a16="http://schemas.microsoft.com/office/drawing/2014/main" id="{F27915FE-CBD2-3343-8BE1-0AB711EAE42A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639889"/>
            <a:ext cx="10960904" cy="310353"/>
          </a:xfrm>
        </p:spPr>
        <p:txBody>
          <a:bodyPr tIns="0" bIns="91440" anchor="t" anchorCtr="0"/>
          <a:lstStyle/>
          <a:p>
            <a:pPr lvl="4"/>
            <a:r>
              <a:rPr lang="en-US"/>
              <a:t>Edit subhead headline</a:t>
            </a:r>
          </a:p>
        </p:txBody>
      </p:sp>
      <p:sp>
        <p:nvSpPr>
          <p:cNvPr id="23" name="Content Placeholder 19">
            <a:extLst>
              <a:ext uri="{FF2B5EF4-FFF2-40B4-BE49-F238E27FC236}">
                <a16:creationId xmlns:a16="http://schemas.microsoft.com/office/drawing/2014/main" id="{013DD5FB-3522-DB49-9D71-757BB8136CC3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03504" y="2108200"/>
            <a:ext cx="3410712" cy="3612583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24" name="Content Placeholder 19">
            <a:extLst>
              <a:ext uri="{FF2B5EF4-FFF2-40B4-BE49-F238E27FC236}">
                <a16:creationId xmlns:a16="http://schemas.microsoft.com/office/drawing/2014/main" id="{BBC4B31A-C1CD-524E-9F87-5808B3D5184F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376367" y="2108200"/>
            <a:ext cx="3410712" cy="3612583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25" name="Content Placeholder 19">
            <a:extLst>
              <a:ext uri="{FF2B5EF4-FFF2-40B4-BE49-F238E27FC236}">
                <a16:creationId xmlns:a16="http://schemas.microsoft.com/office/drawing/2014/main" id="{BEF74765-8F7A-A04A-9426-130D43750CB8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49230" y="2108200"/>
            <a:ext cx="3410712" cy="3612583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bg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9BCB666-BBE7-E44E-9934-3C4040668500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6" name="Graphic 15">
            <a:extLst>
              <a:ext uri="{FF2B5EF4-FFF2-40B4-BE49-F238E27FC236}">
                <a16:creationId xmlns:a16="http://schemas.microsoft.com/office/drawing/2014/main" id="{EB938FC6-BA11-C540-8FC6-3877D8AA75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8" name="Slide Number Placeholder 6">
            <a:extLst>
              <a:ext uri="{FF2B5EF4-FFF2-40B4-BE49-F238E27FC236}">
                <a16:creationId xmlns:a16="http://schemas.microsoft.com/office/drawing/2014/main" id="{D1097EF0-8908-4449-8666-F6EE8FDACCF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92E2AA4F-F6F5-FB4D-A3AB-601E98ED275E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F8E2C039-78BA-734B-A3E5-77C548DC4EB6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7" name="Freeform 26">
              <a:extLst>
                <a:ext uri="{FF2B5EF4-FFF2-40B4-BE49-F238E27FC236}">
                  <a16:creationId xmlns:a16="http://schemas.microsoft.com/office/drawing/2014/main" id="{CEF9B37F-50D7-354A-8BC2-F1F09090C7F0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C0D70301-6857-487B-AFEE-3AEB20319804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22293823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 Text-Images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2FAECE6-4E23-494B-BA4B-91CEAFC37FEE}"/>
              </a:ext>
            </a:extLst>
          </p:cNvPr>
          <p:cNvCxnSpPr>
            <a:cxnSpLocks/>
          </p:cNvCxnSpPr>
          <p:nvPr userDrawn="1"/>
        </p:nvCxnSpPr>
        <p:spPr>
          <a:xfrm>
            <a:off x="4110087" y="2102266"/>
            <a:ext cx="0" cy="2934261"/>
          </a:xfrm>
          <a:prstGeom prst="line">
            <a:avLst/>
          </a:prstGeom>
          <a:ln w="12700">
            <a:solidFill>
              <a:srgbClr val="797687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 Placeholder 6">
            <a:extLst>
              <a:ext uri="{FF2B5EF4-FFF2-40B4-BE49-F238E27FC236}">
                <a16:creationId xmlns:a16="http://schemas.microsoft.com/office/drawing/2014/main" id="{47F0226F-F171-EF40-97D5-3B51D553101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74765" y="4077949"/>
            <a:ext cx="3119347" cy="638529"/>
          </a:xfrm>
        </p:spPr>
        <p:txBody>
          <a:bodyPr lIns="0">
            <a:noAutofit/>
          </a:bodyPr>
          <a:lstStyle>
            <a:lvl1pPr marL="0" indent="0" algn="ctr">
              <a:buFontTx/>
              <a:buNone/>
              <a:defRPr sz="1600" b="0" i="0">
                <a:solidFill>
                  <a:schemeClr val="tx1"/>
                </a:solidFill>
                <a:latin typeface="Calibri" panose="020F0502020204030204" pitchFamily="34" charset="0"/>
              </a:defRPr>
            </a:lvl1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62" name="Picture Placeholder 15">
            <a:extLst>
              <a:ext uri="{FF2B5EF4-FFF2-40B4-BE49-F238E27FC236}">
                <a16:creationId xmlns:a16="http://schemas.microsoft.com/office/drawing/2014/main" id="{343ED812-06AA-B440-8230-73162C84F8B4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 bwMode="gray">
          <a:xfrm>
            <a:off x="1248827" y="2102266"/>
            <a:ext cx="1794861" cy="1792620"/>
          </a:xfrm>
          <a:prstGeom prst="round2DiagRect">
            <a:avLst/>
          </a:prstGeom>
        </p:spPr>
        <p:txBody>
          <a:bodyPr rIns="0" anchor="ctr">
            <a:normAutofit/>
          </a:bodyPr>
          <a:lstStyle>
            <a:lvl1pPr algn="ctr">
              <a:defRPr sz="1200" b="0" i="0">
                <a:latin typeface="Arial" panose="020B0604020202020204" pitchFamily="34" charset="0"/>
              </a:defRPr>
            </a:lvl1pPr>
          </a:lstStyle>
          <a:p>
            <a:r>
              <a:rPr lang="en-US"/>
              <a:t>Insert Photo</a:t>
            </a:r>
          </a:p>
        </p:txBody>
      </p:sp>
      <p:sp>
        <p:nvSpPr>
          <p:cNvPr id="63" name="Text Placeholder 6">
            <a:extLst>
              <a:ext uri="{FF2B5EF4-FFF2-40B4-BE49-F238E27FC236}">
                <a16:creationId xmlns:a16="http://schemas.microsoft.com/office/drawing/2014/main" id="{B180E9D5-A0C6-2B48-97C3-2C3A6D0F96D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536327" y="4077949"/>
            <a:ext cx="3119347" cy="638529"/>
          </a:xfrm>
        </p:spPr>
        <p:txBody>
          <a:bodyPr lIns="0">
            <a:noAutofit/>
          </a:bodyPr>
          <a:lstStyle>
            <a:lvl1pPr algn="ctr">
              <a:buFontTx/>
              <a:buNone/>
              <a:defRPr lang="en-US" sz="1600" b="0" i="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pPr marL="0" lvl="0" indent="0" algn="ctr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NAME</a:t>
            </a:r>
          </a:p>
        </p:txBody>
      </p:sp>
      <p:sp>
        <p:nvSpPr>
          <p:cNvPr id="64" name="Picture Placeholder 15">
            <a:extLst>
              <a:ext uri="{FF2B5EF4-FFF2-40B4-BE49-F238E27FC236}">
                <a16:creationId xmlns:a16="http://schemas.microsoft.com/office/drawing/2014/main" id="{8C668060-ADE3-4340-B436-BED1AAA7396B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5201712" y="2102266"/>
            <a:ext cx="1794861" cy="1792620"/>
          </a:xfrm>
          <a:prstGeom prst="round2DiagRect">
            <a:avLst/>
          </a:prstGeom>
        </p:spPr>
        <p:txBody>
          <a:bodyPr rIns="0" anchor="ctr">
            <a:normAutofit/>
          </a:bodyPr>
          <a:lstStyle>
            <a:lvl1pPr algn="ctr">
              <a:defRPr sz="1200" b="0" i="0">
                <a:latin typeface="Arial" panose="020B0604020202020204" pitchFamily="34" charset="0"/>
              </a:defRPr>
            </a:lvl1pPr>
          </a:lstStyle>
          <a:p>
            <a:r>
              <a:rPr lang="en-US"/>
              <a:t>Insert Photo</a:t>
            </a:r>
          </a:p>
        </p:txBody>
      </p:sp>
      <p:sp>
        <p:nvSpPr>
          <p:cNvPr id="65" name="Text Placeholder 6">
            <a:extLst>
              <a:ext uri="{FF2B5EF4-FFF2-40B4-BE49-F238E27FC236}">
                <a16:creationId xmlns:a16="http://schemas.microsoft.com/office/drawing/2014/main" id="{7861F91F-6C93-074D-8EE4-EED8C4112CC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497889" y="4077949"/>
            <a:ext cx="3119347" cy="638529"/>
          </a:xfrm>
        </p:spPr>
        <p:txBody>
          <a:bodyPr lIns="0">
            <a:noAutofit/>
          </a:bodyPr>
          <a:lstStyle>
            <a:lvl1pPr algn="ctr">
              <a:buFontTx/>
              <a:buNone/>
              <a:defRPr lang="en-US" sz="1600" b="0" i="0" kern="1200" dirty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</a:lstStyle>
          <a:p>
            <a:pPr marL="0" lvl="0" indent="0" algn="ctr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</a:pPr>
            <a:r>
              <a:rPr lang="en-US"/>
              <a:t>NAME</a:t>
            </a:r>
          </a:p>
        </p:txBody>
      </p:sp>
      <p:sp>
        <p:nvSpPr>
          <p:cNvPr id="66" name="Picture Placeholder 15">
            <a:extLst>
              <a:ext uri="{FF2B5EF4-FFF2-40B4-BE49-F238E27FC236}">
                <a16:creationId xmlns:a16="http://schemas.microsoft.com/office/drawing/2014/main" id="{60886CF7-4BBA-7348-A61D-C4E02D65AE2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 bwMode="gray">
          <a:xfrm>
            <a:off x="9154597" y="2102266"/>
            <a:ext cx="1794861" cy="1792620"/>
          </a:xfrm>
          <a:prstGeom prst="round2DiagRect">
            <a:avLst/>
          </a:prstGeom>
        </p:spPr>
        <p:txBody>
          <a:bodyPr rIns="0" anchor="ctr">
            <a:normAutofit/>
          </a:bodyPr>
          <a:lstStyle>
            <a:lvl1pPr algn="ctr">
              <a:defRPr sz="1200" b="0" i="0">
                <a:latin typeface="Arial" panose="020B0604020202020204" pitchFamily="34" charset="0"/>
              </a:defRPr>
            </a:lvl1pPr>
          </a:lstStyle>
          <a:p>
            <a:r>
              <a:rPr lang="en-US"/>
              <a:t>Insert Photo</a:t>
            </a:r>
          </a:p>
        </p:txBody>
      </p:sp>
      <p:sp>
        <p:nvSpPr>
          <p:cNvPr id="67" name="Text Placeholder 2">
            <a:extLst>
              <a:ext uri="{FF2B5EF4-FFF2-40B4-BE49-F238E27FC236}">
                <a16:creationId xmlns:a16="http://schemas.microsoft.com/office/drawing/2014/main" id="{EE9CA1B2-D42A-9440-835E-7C6C82320D6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74765" y="4672732"/>
            <a:ext cx="3124881" cy="1225238"/>
          </a:xfrm>
        </p:spPr>
        <p:txBody>
          <a:bodyPr>
            <a:noAutofit/>
          </a:bodyPr>
          <a:lstStyle>
            <a:lvl1pPr marL="0" indent="0" algn="ctr">
              <a:buFontTx/>
              <a:buNone/>
              <a:defRPr sz="1200">
                <a:solidFill>
                  <a:srgbClr val="FFFFFF">
                    <a:alpha val="65000"/>
                  </a:srgbClr>
                </a:solidFill>
              </a:defRPr>
            </a:lvl1pPr>
          </a:lstStyle>
          <a:p>
            <a:pPr lvl="0"/>
            <a:r>
              <a:rPr lang="en-US"/>
              <a:t>Click to edit one column body copy</a:t>
            </a:r>
          </a:p>
        </p:txBody>
      </p:sp>
      <p:sp>
        <p:nvSpPr>
          <p:cNvPr id="68" name="Text Placeholder 2">
            <a:extLst>
              <a:ext uri="{FF2B5EF4-FFF2-40B4-BE49-F238E27FC236}">
                <a16:creationId xmlns:a16="http://schemas.microsoft.com/office/drawing/2014/main" id="{29A65814-B6D5-6E4A-A267-5BA9A880E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42612" y="4672732"/>
            <a:ext cx="3124881" cy="1225238"/>
          </a:xfrm>
        </p:spPr>
        <p:txBody>
          <a:bodyPr>
            <a:noAutofit/>
          </a:bodyPr>
          <a:lstStyle>
            <a:lvl1pPr marL="0" indent="0" algn="ctr">
              <a:buFontTx/>
              <a:buNone/>
              <a:defRPr sz="1200">
                <a:solidFill>
                  <a:srgbClr val="FFFFFF">
                    <a:alpha val="65000"/>
                  </a:srgbClr>
                </a:solidFill>
              </a:defRPr>
            </a:lvl1pPr>
          </a:lstStyle>
          <a:p>
            <a:pPr lvl="0"/>
            <a:r>
              <a:rPr lang="en-US"/>
              <a:t>Click to edit one column body copy</a:t>
            </a:r>
          </a:p>
        </p:txBody>
      </p:sp>
      <p:sp>
        <p:nvSpPr>
          <p:cNvPr id="69" name="Text Placeholder 2">
            <a:extLst>
              <a:ext uri="{FF2B5EF4-FFF2-40B4-BE49-F238E27FC236}">
                <a16:creationId xmlns:a16="http://schemas.microsoft.com/office/drawing/2014/main" id="{A6A81B73-86CA-A244-9BB1-6E26CEA8797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492355" y="4672732"/>
            <a:ext cx="3119346" cy="1225238"/>
          </a:xfrm>
        </p:spPr>
        <p:txBody>
          <a:bodyPr>
            <a:noAutofit/>
          </a:bodyPr>
          <a:lstStyle>
            <a:lvl1pPr marL="0" indent="0" algn="ctr">
              <a:buFontTx/>
              <a:buNone/>
              <a:defRPr sz="1200">
                <a:solidFill>
                  <a:srgbClr val="FFFFFF">
                    <a:alpha val="65000"/>
                  </a:srgbClr>
                </a:solidFill>
              </a:defRPr>
            </a:lvl1pPr>
          </a:lstStyle>
          <a:p>
            <a:pPr lvl="0"/>
            <a:r>
              <a:rPr lang="en-US"/>
              <a:t>Click to edit one column body copy</a:t>
            </a: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CD2FA878-933A-F146-B26D-8C3F96DB0415}"/>
              </a:ext>
            </a:extLst>
          </p:cNvPr>
          <p:cNvCxnSpPr>
            <a:cxnSpLocks/>
          </p:cNvCxnSpPr>
          <p:nvPr userDrawn="1"/>
        </p:nvCxnSpPr>
        <p:spPr>
          <a:xfrm>
            <a:off x="8088963" y="2102266"/>
            <a:ext cx="0" cy="2934261"/>
          </a:xfrm>
          <a:prstGeom prst="line">
            <a:avLst/>
          </a:prstGeom>
          <a:ln w="12700">
            <a:solidFill>
              <a:srgbClr val="797687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 Placeholder 16">
            <a:extLst>
              <a:ext uri="{FF2B5EF4-FFF2-40B4-BE49-F238E27FC236}">
                <a16:creationId xmlns:a16="http://schemas.microsoft.com/office/drawing/2014/main" id="{5B0B7515-EE2F-AA4A-84E8-91C3C15C9C2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599038" y="1262565"/>
            <a:ext cx="11012659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tx1"/>
                </a:solidFill>
                <a:latin typeface="+mn-lt"/>
                <a:ea typeface="Roboto"/>
                <a:cs typeface="Roboto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395CA47D-1EB4-F549-A314-143D6E70E742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28" name="Graphic 27">
            <a:extLst>
              <a:ext uri="{FF2B5EF4-FFF2-40B4-BE49-F238E27FC236}">
                <a16:creationId xmlns:a16="http://schemas.microsoft.com/office/drawing/2014/main" id="{E9A5AFF5-C32F-0345-8F91-698AC3244D7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32" name="Slide Number Placeholder 6">
            <a:extLst>
              <a:ext uri="{FF2B5EF4-FFF2-40B4-BE49-F238E27FC236}">
                <a16:creationId xmlns:a16="http://schemas.microsoft.com/office/drawing/2014/main" id="{2B6062FD-A726-904A-9E3F-1CB0A0C00F9F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D8488A8-B231-434E-8FD6-CC9BB72218CA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34" name="Freeform 33">
              <a:extLst>
                <a:ext uri="{FF2B5EF4-FFF2-40B4-BE49-F238E27FC236}">
                  <a16:creationId xmlns:a16="http://schemas.microsoft.com/office/drawing/2014/main" id="{6EB3A157-A138-7844-B30B-CCF1F9EE3B7D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9DCB3509-A5E8-0C4E-8927-75961700D707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A358718C-F6E4-4A9F-AA62-B40BF8B5325F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09600" y="415587"/>
            <a:ext cx="5810250" cy="283464"/>
          </a:xfrm>
        </p:spPr>
        <p:txBody>
          <a:bodyPr/>
          <a:lstStyle>
            <a:lvl1pPr>
              <a:defRPr sz="1050" b="1" spc="150" baseline="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248016755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line Only-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96A8158-B59C-364E-9C73-599329F5D14B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9804DED-7815-8E4F-B8C8-5EED32CD5D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5" name="Slide Number Placeholder 6">
            <a:extLst>
              <a:ext uri="{FF2B5EF4-FFF2-40B4-BE49-F238E27FC236}">
                <a16:creationId xmlns:a16="http://schemas.microsoft.com/office/drawing/2014/main" id="{97A0CF8D-E527-1C4D-9EED-7A65792474B6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B789D898-A9EC-1342-BDD0-A4468326B185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EAA8CF3D-27E4-F744-9BC3-1950B33687AD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8" name="Freeform 17">
              <a:extLst>
                <a:ext uri="{FF2B5EF4-FFF2-40B4-BE49-F238E27FC236}">
                  <a16:creationId xmlns:a16="http://schemas.microsoft.com/office/drawing/2014/main" id="{654F94DE-0ADE-4443-B554-1A02A9C5B2D4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5813182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-Dark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id="{3B5C9784-2847-A84E-B628-93C55A0191A8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rgbClr val="F2F2F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20" name="Graphic 19">
            <a:extLst>
              <a:ext uri="{FF2B5EF4-FFF2-40B4-BE49-F238E27FC236}">
                <a16:creationId xmlns:a16="http://schemas.microsoft.com/office/drawing/2014/main" id="{391D9528-569E-7849-8D10-D54259BD84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ltGray"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9E50D6FC-1F6E-2B48-B2B1-A439F46FFCC3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939393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939393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753B8769-EF5A-7841-8F23-87F3D040C4F2}"/>
              </a:ext>
            </a:extLst>
          </p:cNvPr>
          <p:cNvGrpSpPr/>
          <p:nvPr userDrawn="1"/>
        </p:nvGrpSpPr>
        <p:grpSpPr bwMode="black"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B8A15409-5F06-E94D-94C5-E81B34738C24}"/>
                </a:ext>
              </a:extLst>
            </p:cNvPr>
            <p:cNvSpPr/>
            <p:nvPr/>
          </p:nvSpPr>
          <p:spPr bwMode="black"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D3892557-7AD0-4340-999E-4F47BA5FB6BE}"/>
                </a:ext>
              </a:extLst>
            </p:cNvPr>
            <p:cNvSpPr/>
            <p:nvPr/>
          </p:nvSpPr>
          <p:spPr bwMode="black"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810943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meline-Light Bg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>
            <a:extLst>
              <a:ext uri="{FF2B5EF4-FFF2-40B4-BE49-F238E27FC236}">
                <a16:creationId xmlns:a16="http://schemas.microsoft.com/office/drawing/2014/main" id="{8D0CD3FB-4D26-F747-8C78-F7CFB540F3DA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30" name="Graphic 29">
            <a:extLst>
              <a:ext uri="{FF2B5EF4-FFF2-40B4-BE49-F238E27FC236}">
                <a16:creationId xmlns:a16="http://schemas.microsoft.com/office/drawing/2014/main" id="{B79B1A89-1713-E545-AA7A-043F833B28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grpSp>
        <p:nvGrpSpPr>
          <p:cNvPr id="21" name="Group 20">
            <a:extLst>
              <a:ext uri="{FF2B5EF4-FFF2-40B4-BE49-F238E27FC236}">
                <a16:creationId xmlns:a16="http://schemas.microsoft.com/office/drawing/2014/main" id="{31BF5AA9-9928-1040-A666-9410DC80DFEE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5E27CEC7-32AB-A649-90A6-39E47F63AE60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25C5FB85-863F-6049-9250-EAA0DE4E5DFD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4" name="Slide Number Placeholder 6">
            <a:extLst>
              <a:ext uri="{FF2B5EF4-FFF2-40B4-BE49-F238E27FC236}">
                <a16:creationId xmlns:a16="http://schemas.microsoft.com/office/drawing/2014/main" id="{876F16EA-383F-0C47-BB56-113A0BD7240D}"/>
              </a:ext>
            </a:extLst>
          </p:cNvPr>
          <p:cNvSpPr txBox="1">
            <a:spLocks/>
          </p:cNvSpPr>
          <p:nvPr userDrawn="1"/>
        </p:nvSpPr>
        <p:spPr>
          <a:xfrm>
            <a:off x="11616172" y="6347258"/>
            <a:ext cx="398545" cy="359009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mtClean="0"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6" name="Text Placeholder 23">
            <a:extLst>
              <a:ext uri="{FF2B5EF4-FFF2-40B4-BE49-F238E27FC236}">
                <a16:creationId xmlns:a16="http://schemas.microsoft.com/office/drawing/2014/main" id="{FCF8DC70-4F05-8C4C-866E-5E7CDC05D4D0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99038" y="1153662"/>
            <a:ext cx="10960904" cy="310353"/>
          </a:xfrm>
        </p:spPr>
        <p:txBody>
          <a:bodyPr tIns="0" bIns="91440" anchor="t" anchorCtr="0"/>
          <a:lstStyle>
            <a:lvl5pPr>
              <a:defRPr>
                <a:solidFill>
                  <a:srgbClr val="8A8A8A"/>
                </a:solidFill>
              </a:defRPr>
            </a:lvl5pPr>
          </a:lstStyle>
          <a:p>
            <a:pPr lvl="4"/>
            <a:r>
              <a:rPr lang="en-US"/>
              <a:t>Edit subhead headline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2AFDFA57-50A0-8D4C-8DA2-04D20040387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</p:spTree>
    <p:extLst>
      <p:ext uri="{BB962C8B-B14F-4D97-AF65-F5344CB8AC3E}">
        <p14:creationId xmlns:p14="http://schemas.microsoft.com/office/powerpoint/2010/main" val="17794258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614DCB0E-31C0-254C-A496-794E7136522D}"/>
              </a:ext>
            </a:extLst>
          </p:cNvPr>
          <p:cNvSpPr/>
          <p:nvPr userDrawn="1"/>
        </p:nvSpPr>
        <p:spPr>
          <a:xfrm>
            <a:off x="8140615" y="0"/>
            <a:ext cx="4081548" cy="6865938"/>
          </a:xfrm>
          <a:prstGeom prst="rect">
            <a:avLst/>
          </a:prstGeom>
          <a:solidFill>
            <a:srgbClr val="3B3A3E">
              <a:alpha val="29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0213FB3-365E-6346-9948-8F9BA894E744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40701" y="-7938"/>
            <a:ext cx="4051300" cy="6865938"/>
          </a:xfrm>
        </p:spPr>
        <p:txBody>
          <a:bodyPr rIns="0" anchor="ctr">
            <a:normAutofit/>
          </a:bodyPr>
          <a:lstStyle>
            <a:lvl1pPr marL="0" indent="0" algn="ctr">
              <a:buFontTx/>
              <a:buNone/>
              <a:defRPr sz="1200">
                <a:solidFill>
                  <a:srgbClr val="57565D"/>
                </a:solidFill>
              </a:defRPr>
            </a:lvl1pPr>
          </a:lstStyle>
          <a:p>
            <a:r>
              <a:rPr lang="en-US"/>
              <a:t>Insert image</a:t>
            </a:r>
          </a:p>
        </p:txBody>
      </p:sp>
      <p:sp>
        <p:nvSpPr>
          <p:cNvPr id="15" name="Slide Number Placeholder 6">
            <a:extLst>
              <a:ext uri="{FF2B5EF4-FFF2-40B4-BE49-F238E27FC236}">
                <a16:creationId xmlns:a16="http://schemas.microsoft.com/office/drawing/2014/main" id="{8048486B-0D62-E04E-95D8-47E9AF76AAFE}"/>
              </a:ext>
            </a:extLst>
          </p:cNvPr>
          <p:cNvSpPr txBox="1">
            <a:spLocks/>
          </p:cNvSpPr>
          <p:nvPr userDrawn="1"/>
        </p:nvSpPr>
        <p:spPr>
          <a:xfrm>
            <a:off x="11616172" y="6347258"/>
            <a:ext cx="398545" cy="359009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mtClean="0"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16" name="Text Placeholder 16">
            <a:extLst>
              <a:ext uri="{FF2B5EF4-FFF2-40B4-BE49-F238E27FC236}">
                <a16:creationId xmlns:a16="http://schemas.microsoft.com/office/drawing/2014/main" id="{CDCF5118-CEDD-1C43-9B78-E6AB2197EAC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683064"/>
            <a:ext cx="7286803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3586B11C-86E7-C94C-8569-DE214E046149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1B9F102B-0990-A848-ACC5-D2FC31E3F073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6D837C6A-94A0-8E45-97E3-D2841641B833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3" name="Content Placeholder 17">
            <a:extLst>
              <a:ext uri="{FF2B5EF4-FFF2-40B4-BE49-F238E27FC236}">
                <a16:creationId xmlns:a16="http://schemas.microsoft.com/office/drawing/2014/main" id="{66EE51B9-15DC-9644-B239-4292804ED06F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7286075" cy="3612583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958342DE-D2FA-4353-AD40-63497009FF5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1188" y="418761"/>
            <a:ext cx="3557587" cy="283464"/>
          </a:xfrm>
        </p:spPr>
        <p:txBody>
          <a:bodyPr/>
          <a:lstStyle>
            <a:lvl1pPr>
              <a:defRPr sz="1050" b="1" spc="150" baseline="0">
                <a:latin typeface="+mn-lt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99484227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W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C0058AD-133B-474B-BFE2-91832D5B41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611188" y="418761"/>
            <a:ext cx="3557587" cy="283464"/>
          </a:xfrm>
        </p:spPr>
        <p:txBody>
          <a:bodyPr/>
          <a:lstStyle>
            <a:lvl1pPr>
              <a:defRPr sz="1050" b="1" spc="150" baseline="0">
                <a:latin typeface="+mn-lt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9A15F49-0926-F94E-BE15-A03B948C0FF0}"/>
              </a:ext>
            </a:extLst>
          </p:cNvPr>
          <p:cNvSpPr/>
          <p:nvPr userDrawn="1"/>
        </p:nvSpPr>
        <p:spPr>
          <a:xfrm>
            <a:off x="4169228" y="0"/>
            <a:ext cx="8022772" cy="6857999"/>
          </a:xfrm>
          <a:prstGeom prst="rect">
            <a:avLst/>
          </a:prstGeom>
          <a:solidFill>
            <a:srgbClr val="3B3A3E">
              <a:alpha val="29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Picture Placeholder 2">
            <a:extLst>
              <a:ext uri="{FF2B5EF4-FFF2-40B4-BE49-F238E27FC236}">
                <a16:creationId xmlns:a16="http://schemas.microsoft.com/office/drawing/2014/main" id="{0EEE7090-BF2A-D14E-91DD-E398A8077E5E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169228" y="-7939"/>
            <a:ext cx="8022773" cy="6865937"/>
          </a:xfrm>
        </p:spPr>
        <p:txBody>
          <a:bodyPr rIns="0" anchor="ctr">
            <a:normAutofit/>
          </a:bodyPr>
          <a:lstStyle>
            <a:lvl1pPr algn="ctr">
              <a:defRPr sz="1200">
                <a:solidFill>
                  <a:srgbClr val="57565D"/>
                </a:solidFill>
              </a:defRPr>
            </a:lvl1pPr>
          </a:lstStyle>
          <a:p>
            <a:r>
              <a:rPr lang="en-US"/>
              <a:t>Insert image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0E645C1-D78C-4046-8923-EF7A7AB5767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18" name="Graphic 17">
            <a:extLst>
              <a:ext uri="{FF2B5EF4-FFF2-40B4-BE49-F238E27FC236}">
                <a16:creationId xmlns:a16="http://schemas.microsoft.com/office/drawing/2014/main" id="{321B6BE2-AB0A-0C4F-83B7-12B9E7466E0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5" name="Text Placeholder 16">
            <a:extLst>
              <a:ext uri="{FF2B5EF4-FFF2-40B4-BE49-F238E27FC236}">
                <a16:creationId xmlns:a16="http://schemas.microsoft.com/office/drawing/2014/main" id="{532A5B64-C948-1747-9B40-8364BBFB530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9" y="1683064"/>
            <a:ext cx="3347320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tx1"/>
                </a:solidFill>
                <a:latin typeface="+mn-lt"/>
                <a:ea typeface="Roboto"/>
                <a:cs typeface="Roboto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89FDB683-CF54-B34C-AC2D-C044E3D450CB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5627C959-5F25-554F-A7C9-7388D1F8C415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FCAE28B6-D555-904C-B383-1CF2E19120BE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4" name="Slide Number Placeholder 6">
            <a:extLst>
              <a:ext uri="{FF2B5EF4-FFF2-40B4-BE49-F238E27FC236}">
                <a16:creationId xmlns:a16="http://schemas.microsoft.com/office/drawing/2014/main" id="{58C06B4A-75FF-1B41-A57F-634142B93B83}"/>
              </a:ext>
            </a:extLst>
          </p:cNvPr>
          <p:cNvSpPr txBox="1">
            <a:spLocks/>
          </p:cNvSpPr>
          <p:nvPr userDrawn="1"/>
        </p:nvSpPr>
        <p:spPr>
          <a:xfrm>
            <a:off x="11616172" y="6347258"/>
            <a:ext cx="398545" cy="359009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mtClean="0"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Content Placeholder 19">
            <a:extLst>
              <a:ext uri="{FF2B5EF4-FFF2-40B4-BE49-F238E27FC236}">
                <a16:creationId xmlns:a16="http://schemas.microsoft.com/office/drawing/2014/main" id="{F47464C2-7FBC-114D-977C-67A825B8F2A5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597488" y="2108200"/>
            <a:ext cx="3342855" cy="3612583"/>
          </a:xfrm>
        </p:spPr>
        <p:txBody>
          <a:bodyPr/>
          <a:lstStyle>
            <a:lvl1pPr>
              <a:defRPr b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buFont typeface="Arial" panose="020B0604020202020204" pitchFamily="34" charset="0"/>
              <a:buChar char="•"/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  <a:p>
            <a:pPr lvl="3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7499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A4A1B57-02C0-4682-B5E7-7D7FD12CCCE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8488" y="1643202"/>
            <a:ext cx="7286625" cy="310896"/>
          </a:xfrm>
        </p:spPr>
        <p:txBody>
          <a:bodyPr tIns="0" bIns="91440"/>
          <a:lstStyle>
            <a:lvl1pPr>
              <a:defRPr sz="230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1C85028-C5D1-F646-B157-AE10F5E36F67}"/>
              </a:ext>
            </a:extLst>
          </p:cNvPr>
          <p:cNvSpPr/>
          <p:nvPr userDrawn="1"/>
        </p:nvSpPr>
        <p:spPr bwMode="ltGray">
          <a:xfrm>
            <a:off x="8141347" y="-9144"/>
            <a:ext cx="4080256" cy="688543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2" name="Text Placeholder 16">
            <a:extLst>
              <a:ext uri="{FF2B5EF4-FFF2-40B4-BE49-F238E27FC236}">
                <a16:creationId xmlns:a16="http://schemas.microsoft.com/office/drawing/2014/main" id="{B73C09C1-402A-0042-9BE6-B6C5B16AF9C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9038" y="1262565"/>
            <a:ext cx="7286803" cy="377325"/>
          </a:xfrm>
        </p:spPr>
        <p:txBody>
          <a:bodyPr lIns="0" anchor="b" anchorCtr="0">
            <a:noAutofit/>
          </a:bodyPr>
          <a:lstStyle>
            <a:lvl1pPr marL="0" indent="0">
              <a:buFontTx/>
              <a:buNone/>
              <a:defRPr lang="en-US" sz="3400" b="1" i="0" u="none" kern="1200" spc="0" baseline="0" dirty="0">
                <a:solidFill>
                  <a:schemeClr val="tx1"/>
                </a:solidFill>
                <a:latin typeface="Calibri" panose="020F0502020204030204" pitchFamily="34" charset="0"/>
                <a:ea typeface="Roboto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9D83536C-DCF1-6444-AEFF-70980B05343D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C62D1D18-64CD-204B-BEE2-6093030CB93D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1" name="Freeform 30">
              <a:extLst>
                <a:ext uri="{FF2B5EF4-FFF2-40B4-BE49-F238E27FC236}">
                  <a16:creationId xmlns:a16="http://schemas.microsoft.com/office/drawing/2014/main" id="{A9D309C6-24DF-324B-A3EA-4C5309ADF3A7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80" name="Picture 79">
            <a:extLst>
              <a:ext uri="{FF2B5EF4-FFF2-40B4-BE49-F238E27FC236}">
                <a16:creationId xmlns:a16="http://schemas.microsoft.com/office/drawing/2014/main" id="{AC39EFC7-B394-3447-93F9-CEFF15089A4E}"/>
              </a:ext>
            </a:extLst>
          </p:cNvPr>
          <p:cNvPicPr preferRelativeResize="0">
            <a:picLocks noChangeAspect="1"/>
          </p:cNvPicPr>
          <p:nvPr userDrawn="1"/>
        </p:nvPicPr>
        <p:blipFill>
          <a:blip r:embed="rId4"/>
          <a:srcRect/>
          <a:stretch/>
        </p:blipFill>
        <p:spPr bwMode="ltGray">
          <a:xfrm flipV="1">
            <a:off x="9207193" y="1789470"/>
            <a:ext cx="3014410" cy="5086817"/>
          </a:xfrm>
          <a:prstGeom prst="rect">
            <a:avLst/>
          </a:prstGeom>
        </p:spPr>
      </p:pic>
      <p:sp>
        <p:nvSpPr>
          <p:cNvPr id="15" name="Slide Number Placeholder 6">
            <a:extLst>
              <a:ext uri="{FF2B5EF4-FFF2-40B4-BE49-F238E27FC236}">
                <a16:creationId xmlns:a16="http://schemas.microsoft.com/office/drawing/2014/main" id="{8048486B-0D62-E04E-95D8-47E9AF76AAFE}"/>
              </a:ext>
            </a:extLst>
          </p:cNvPr>
          <p:cNvSpPr txBox="1">
            <a:spLocks/>
          </p:cNvSpPr>
          <p:nvPr userDrawn="1"/>
        </p:nvSpPr>
        <p:spPr>
          <a:xfrm>
            <a:off x="11616172" y="6347258"/>
            <a:ext cx="398545" cy="359009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mtClean="0"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D662C25-4247-E04C-BA51-9581B188A2C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8971200" y="1596747"/>
            <a:ext cx="2469600" cy="3613150"/>
          </a:xfrm>
        </p:spPr>
        <p:txBody>
          <a:bodyPr lIns="0">
            <a:noAutofit/>
          </a:bodyPr>
          <a:lstStyle>
            <a:lvl1pPr marL="0" indent="0">
              <a:buClr>
                <a:srgbClr val="E00600"/>
              </a:buClr>
              <a:buFontTx/>
              <a:buNone/>
              <a:defRPr sz="2000" b="1" i="0">
                <a:solidFill>
                  <a:srgbClr val="E6E6EC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 marL="120650" indent="-114300">
              <a:tabLst/>
              <a:defRPr sz="1200" b="0" i="0">
                <a:solidFill>
                  <a:srgbClr val="E6E6EC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2pPr>
          </a:lstStyle>
          <a:p>
            <a:pPr lvl="0"/>
            <a:r>
              <a:rPr lang="en-US"/>
              <a:t>Click to edit bullet text</a:t>
            </a:r>
          </a:p>
          <a:p>
            <a:pPr lvl="1"/>
            <a:r>
              <a:rPr lang="en-US"/>
              <a:t>Sub-bullet style</a:t>
            </a:r>
          </a:p>
        </p:txBody>
      </p:sp>
      <p:sp>
        <p:nvSpPr>
          <p:cNvPr id="84" name="Content Placeholder 17">
            <a:extLst>
              <a:ext uri="{FF2B5EF4-FFF2-40B4-BE49-F238E27FC236}">
                <a16:creationId xmlns:a16="http://schemas.microsoft.com/office/drawing/2014/main" id="{C526C78E-9963-0E47-A931-29676FCA3A9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599038" y="2108765"/>
            <a:ext cx="7286075" cy="3612583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 marL="515938" indent="-115888">
              <a:tabLst/>
              <a:defRPr>
                <a:solidFill>
                  <a:schemeClr val="tx1"/>
                </a:solidFill>
              </a:defRPr>
            </a:lvl4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E63EFDB4-1E17-41BB-AB88-EFC3181659E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1188" y="418761"/>
            <a:ext cx="3557587" cy="283464"/>
          </a:xfrm>
        </p:spPr>
        <p:txBody>
          <a:bodyPr/>
          <a:lstStyle>
            <a:lvl1pPr>
              <a:defRPr sz="1050" b="1" spc="150" baseline="0">
                <a:latin typeface="+mn-lt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3066978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Subhead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E9FBD978-AA0C-4AFB-91C4-F276EF172D0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8488" y="1153667"/>
            <a:ext cx="10960904" cy="310896"/>
          </a:xfrm>
        </p:spPr>
        <p:txBody>
          <a:bodyPr tIns="0" bIns="91440"/>
          <a:lstStyle>
            <a:lvl1pPr>
              <a:defRPr sz="230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15" name="Title 1">
            <a:extLst>
              <a:ext uri="{FF2B5EF4-FFF2-40B4-BE49-F238E27FC236}">
                <a16:creationId xmlns:a16="http://schemas.microsoft.com/office/drawing/2014/main" id="{85B46735-D688-554F-B12B-E97364451BD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defRPr sz="34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1493914F-813C-B440-8F12-72810860E325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99038" y="1622707"/>
            <a:ext cx="10960904" cy="4417419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 marL="517525" indent="-117475">
              <a:defRPr b="0" i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b="0" i="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29265579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Text-Subhead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E4AB3BD-A09A-594C-AECA-B93D055FFB99}"/>
              </a:ext>
            </a:extLst>
          </p:cNvPr>
          <p:cNvSpPr/>
          <p:nvPr userDrawn="1"/>
        </p:nvSpPr>
        <p:spPr>
          <a:xfrm>
            <a:off x="1279771" y="6494149"/>
            <a:ext cx="872230" cy="92333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/>
          <a:p>
            <a:pPr algn="l"/>
            <a:r>
              <a:rPr lang="en-US" sz="600" b="0" i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2021 Mandian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2C4FCD37-AD6D-7647-BF9E-6ACB16FC0F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98666" y="6454795"/>
            <a:ext cx="143933" cy="143933"/>
          </a:xfrm>
          <a:prstGeom prst="rect">
            <a:avLst/>
          </a:prstGeom>
        </p:spPr>
      </p:pic>
      <p:sp>
        <p:nvSpPr>
          <p:cNvPr id="26" name="Slide Number Placeholder 6">
            <a:extLst>
              <a:ext uri="{FF2B5EF4-FFF2-40B4-BE49-F238E27FC236}">
                <a16:creationId xmlns:a16="http://schemas.microsoft.com/office/drawing/2014/main" id="{D1A2FAD8-A2D7-D844-A741-E6426DD86DE7}"/>
              </a:ext>
            </a:extLst>
          </p:cNvPr>
          <p:cNvSpPr txBox="1">
            <a:spLocks/>
          </p:cNvSpPr>
          <p:nvPr userDrawn="1"/>
        </p:nvSpPr>
        <p:spPr>
          <a:xfrm>
            <a:off x="11467947" y="6206441"/>
            <a:ext cx="724053" cy="652227"/>
          </a:xfrm>
          <a:prstGeom prst="rect">
            <a:avLst/>
          </a:prstGeom>
        </p:spPr>
        <p:txBody>
          <a:bodyPr lIns="0" tIns="0" rIns="0" bIns="0" anchor="ctr" anchorCtr="0"/>
          <a:lstStyle>
            <a:defPPr>
              <a:defRPr lang="en-US"/>
            </a:defPPr>
            <a:lvl1pPr marL="0" algn="ctr" defTabSz="914400" rtl="0" eaLnBrk="1" latinLnBrk="0" hangingPunct="1">
              <a:defRPr sz="1050" b="0" i="0" kern="1200">
                <a:solidFill>
                  <a:schemeClr val="bg2">
                    <a:lumMod val="10000"/>
                  </a:schemeClr>
                </a:solidFill>
                <a:latin typeface="Helvetica" pitchFamily="2" charset="0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1964D96-B149-1C4B-9CBC-AA4A17CF9F78}" type="slidenum">
              <a:rPr lang="en-US" sz="1050" smtClean="0">
                <a:solidFill>
                  <a:srgbClr val="121119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/>
              <a:t>‹#›</a:t>
            </a:fld>
            <a:endParaRPr lang="en-US" sz="1050">
              <a:solidFill>
                <a:srgbClr val="12111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054118DA-FC50-8E41-A1E4-C9328FFF6BE6}"/>
              </a:ext>
            </a:extLst>
          </p:cNvPr>
          <p:cNvGrpSpPr/>
          <p:nvPr userDrawn="1"/>
        </p:nvGrpSpPr>
        <p:grpSpPr>
          <a:xfrm>
            <a:off x="611886" y="6391275"/>
            <a:ext cx="206584" cy="179791"/>
            <a:chOff x="1663255" y="2091113"/>
            <a:chExt cx="1096060" cy="953909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604DD65D-5893-8F42-826C-D5B129AB1032}"/>
                </a:ext>
              </a:extLst>
            </p:cNvPr>
            <p:cNvSpPr/>
            <p:nvPr/>
          </p:nvSpPr>
          <p:spPr>
            <a:xfrm>
              <a:off x="2582903" y="2438908"/>
              <a:ext cx="176412" cy="606113"/>
            </a:xfrm>
            <a:custGeom>
              <a:avLst/>
              <a:gdLst>
                <a:gd name="connsiteX0" fmla="*/ 176481 w 176412"/>
                <a:gd name="connsiteY0" fmla="*/ 61 h 606113"/>
                <a:gd name="connsiteX1" fmla="*/ 68 w 176412"/>
                <a:gd name="connsiteY1" fmla="*/ 176226 h 606113"/>
                <a:gd name="connsiteX2" fmla="*/ 68 w 176412"/>
                <a:gd name="connsiteY2" fmla="*/ 176350 h 606113"/>
                <a:gd name="connsiteX3" fmla="*/ 68 w 176412"/>
                <a:gd name="connsiteY3" fmla="*/ 606175 h 606113"/>
                <a:gd name="connsiteX4" fmla="*/ 176481 w 176412"/>
                <a:gd name="connsiteY4" fmla="*/ 606175 h 6061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412" h="606113">
                  <a:moveTo>
                    <a:pt x="176481" y="61"/>
                  </a:moveTo>
                  <a:cubicBezTo>
                    <a:pt x="79119" y="-7"/>
                    <a:pt x="137" y="78864"/>
                    <a:pt x="68" y="176226"/>
                  </a:cubicBezTo>
                  <a:cubicBezTo>
                    <a:pt x="68" y="176267"/>
                    <a:pt x="68" y="176308"/>
                    <a:pt x="68" y="176350"/>
                  </a:cubicBezTo>
                  <a:lnTo>
                    <a:pt x="68" y="606175"/>
                  </a:lnTo>
                  <a:lnTo>
                    <a:pt x="176481" y="606175"/>
                  </a:lnTo>
                  <a:close/>
                </a:path>
              </a:pathLst>
            </a:custGeom>
            <a:solidFill>
              <a:srgbClr val="231F2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C2E18F6-B237-0348-866E-22662731FE9C}"/>
                </a:ext>
              </a:extLst>
            </p:cNvPr>
            <p:cNvSpPr/>
            <p:nvPr/>
          </p:nvSpPr>
          <p:spPr>
            <a:xfrm>
              <a:off x="1663255" y="2091113"/>
              <a:ext cx="1096060" cy="953909"/>
            </a:xfrm>
            <a:custGeom>
              <a:avLst/>
              <a:gdLst>
                <a:gd name="connsiteX0" fmla="*/ 1096129 w 1096060"/>
                <a:gd name="connsiteY0" fmla="*/ 210716 h 953909"/>
                <a:gd name="connsiteX1" fmla="*/ 1093272 w 1096060"/>
                <a:gd name="connsiteY1" fmla="*/ 210354 h 953909"/>
                <a:gd name="connsiteX2" fmla="*/ 1012376 w 1096060"/>
                <a:gd name="connsiteY2" fmla="*/ 222241 h 953909"/>
                <a:gd name="connsiteX3" fmla="*/ 916697 w 1096060"/>
                <a:gd name="connsiteY3" fmla="*/ 294126 h 953909"/>
                <a:gd name="connsiteX4" fmla="*/ 915297 w 1096060"/>
                <a:gd name="connsiteY4" fmla="*/ 295517 h 953909"/>
                <a:gd name="connsiteX5" fmla="*/ 855918 w 1096060"/>
                <a:gd name="connsiteY5" fmla="*/ 364507 h 953909"/>
                <a:gd name="connsiteX6" fmla="*/ 583018 w 1096060"/>
                <a:gd name="connsiteY6" fmla="*/ 739715 h 953909"/>
                <a:gd name="connsiteX7" fmla="*/ 478900 w 1096060"/>
                <a:gd name="connsiteY7" fmla="*/ 739715 h 953909"/>
                <a:gd name="connsiteX8" fmla="*/ 179138 w 1096060"/>
                <a:gd name="connsiteY8" fmla="*/ 327578 h 953909"/>
                <a:gd name="connsiteX9" fmla="*/ 179138 w 1096060"/>
                <a:gd name="connsiteY9" fmla="*/ 953971 h 953909"/>
                <a:gd name="connsiteX10" fmla="*/ 68 w 1096060"/>
                <a:gd name="connsiteY10" fmla="*/ 953971 h 953909"/>
                <a:gd name="connsiteX11" fmla="*/ 68 w 1096060"/>
                <a:gd name="connsiteY11" fmla="*/ 61 h 953909"/>
                <a:gd name="connsiteX12" fmla="*/ 140257 w 1096060"/>
                <a:gd name="connsiteY12" fmla="*/ 61 h 953909"/>
                <a:gd name="connsiteX13" fmla="*/ 530220 w 1096060"/>
                <a:gd name="connsiteY13" fmla="*/ 537747 h 953909"/>
                <a:gd name="connsiteX14" fmla="*/ 921574 w 1096060"/>
                <a:gd name="connsiteY14" fmla="*/ 61 h 953909"/>
                <a:gd name="connsiteX15" fmla="*/ 1096101 w 1096060"/>
                <a:gd name="connsiteY15" fmla="*/ 61 h 95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096060" h="953909">
                  <a:moveTo>
                    <a:pt x="1096129" y="210716"/>
                  </a:moveTo>
                  <a:lnTo>
                    <a:pt x="1093272" y="210354"/>
                  </a:lnTo>
                  <a:cubicBezTo>
                    <a:pt x="1065725" y="206605"/>
                    <a:pt x="1037680" y="210726"/>
                    <a:pt x="1012376" y="222241"/>
                  </a:cubicBezTo>
                  <a:cubicBezTo>
                    <a:pt x="976736" y="240761"/>
                    <a:pt x="944406" y="265051"/>
                    <a:pt x="916697" y="294126"/>
                  </a:cubicBezTo>
                  <a:lnTo>
                    <a:pt x="915297" y="295517"/>
                  </a:lnTo>
                  <a:cubicBezTo>
                    <a:pt x="893656" y="316856"/>
                    <a:pt x="873797" y="339929"/>
                    <a:pt x="855918" y="364507"/>
                  </a:cubicBezTo>
                  <a:lnTo>
                    <a:pt x="583018" y="739715"/>
                  </a:lnTo>
                  <a:lnTo>
                    <a:pt x="478900" y="739715"/>
                  </a:lnTo>
                  <a:lnTo>
                    <a:pt x="179138" y="327578"/>
                  </a:lnTo>
                  <a:lnTo>
                    <a:pt x="179138" y="953971"/>
                  </a:lnTo>
                  <a:lnTo>
                    <a:pt x="68" y="953971"/>
                  </a:lnTo>
                  <a:lnTo>
                    <a:pt x="68" y="61"/>
                  </a:lnTo>
                  <a:lnTo>
                    <a:pt x="140257" y="61"/>
                  </a:lnTo>
                  <a:lnTo>
                    <a:pt x="530220" y="537747"/>
                  </a:lnTo>
                  <a:lnTo>
                    <a:pt x="921574" y="61"/>
                  </a:lnTo>
                  <a:lnTo>
                    <a:pt x="1096101" y="61"/>
                  </a:lnTo>
                  <a:close/>
                </a:path>
              </a:pathLst>
            </a:custGeom>
            <a:solidFill>
              <a:srgbClr val="D6001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BD990F-C862-F144-B9F3-B0940A3B5DB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99038" y="2108935"/>
            <a:ext cx="10960904" cy="3612584"/>
          </a:xfrm>
        </p:spPr>
        <p:txBody>
          <a:bodyPr/>
          <a:lstStyle>
            <a:lvl1pPr>
              <a:defRPr sz="2200"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 b="0" i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3pPr>
            <a:lvl4pPr marL="515938" indent="-115888">
              <a:tabLst/>
              <a:defRPr b="0" i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b="0" i="0">
                <a:latin typeface="+mn-lt"/>
                <a:cs typeface="Calibri Light" panose="020F0302020204030204" pitchFamily="34" charset="0"/>
              </a:defRPr>
            </a:lvl5pPr>
          </a:lstStyle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</a:t>
            </a:r>
          </a:p>
          <a:p>
            <a:pPr lvl="5"/>
            <a:r>
              <a:rPr lang="en-US"/>
              <a:t>SIXTH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4A91539-E1D9-2849-A8F5-CFFBCE79EAA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9038" y="1211767"/>
            <a:ext cx="10960904" cy="428123"/>
          </a:xfrm>
          <a:prstGeom prst="rect">
            <a:avLst/>
          </a:prstGeom>
        </p:spPr>
        <p:txBody>
          <a:bodyPr anchor="b">
            <a:noAutofit/>
          </a:bodyPr>
          <a:lstStyle>
            <a:lvl1pPr>
              <a:defRPr sz="34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Section Headline</a:t>
            </a:r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FE4A929B-A500-443D-B1E6-5CC61E24084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8488" y="1643202"/>
            <a:ext cx="7286625" cy="310896"/>
          </a:xfrm>
        </p:spPr>
        <p:txBody>
          <a:bodyPr tIns="0" bIns="91440"/>
          <a:lstStyle>
            <a:lvl1pPr>
              <a:defRPr sz="2300">
                <a:solidFill>
                  <a:srgbClr val="8A8A8A"/>
                </a:solidFill>
              </a:defRPr>
            </a:lvl1pPr>
          </a:lstStyle>
          <a:p>
            <a:pPr lvl="0"/>
            <a:r>
              <a:rPr lang="en-US"/>
              <a:t>Edit subhead headline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45E3C8EB-741B-4902-B670-0E72595E82B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11188" y="418761"/>
            <a:ext cx="3557587" cy="283464"/>
          </a:xfrm>
        </p:spPr>
        <p:txBody>
          <a:bodyPr/>
          <a:lstStyle>
            <a:lvl1pPr>
              <a:defRPr sz="1050" b="1" spc="150" baseline="0">
                <a:latin typeface="+mn-lt"/>
              </a:defRPr>
            </a:lvl1pPr>
          </a:lstStyle>
          <a:p>
            <a:pPr lvl="0"/>
            <a:r>
              <a:rPr lang="en-US"/>
              <a:t>OPTIONAL LABEL</a:t>
            </a:r>
          </a:p>
        </p:txBody>
      </p:sp>
    </p:spTree>
    <p:extLst>
      <p:ext uri="{BB962C8B-B14F-4D97-AF65-F5344CB8AC3E}">
        <p14:creationId xmlns:p14="http://schemas.microsoft.com/office/powerpoint/2010/main" val="38602875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3" Type="http://schemas.openxmlformats.org/officeDocument/2006/relationships/slideLayout" Target="../slideLayouts/slideLayout24.xml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3.xml"/><Relationship Id="rId16" Type="http://schemas.openxmlformats.org/officeDocument/2006/relationships/theme" Target="../theme/theme2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31.x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67339A-15A0-044E-9BD6-6F00FDDAC0F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99038" y="1825625"/>
            <a:ext cx="10754762" cy="4351338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 copy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Subhead</a:t>
            </a:r>
          </a:p>
          <a:p>
            <a:pPr lvl="5"/>
            <a:r>
              <a:rPr lang="en-US"/>
              <a:t>OPTIONAL LABEL</a:t>
            </a:r>
          </a:p>
          <a:p>
            <a:pPr lvl="4"/>
            <a:endParaRPr lang="en-US"/>
          </a:p>
        </p:txBody>
      </p:sp>
      <p:sp>
        <p:nvSpPr>
          <p:cNvPr id="13" name="Title Placeholder 12">
            <a:extLst>
              <a:ext uri="{FF2B5EF4-FFF2-40B4-BE49-F238E27FC236}">
                <a16:creationId xmlns:a16="http://schemas.microsoft.com/office/drawing/2014/main" id="{060CE405-A026-BA4F-9ACF-B4C7C15D42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9038" y="751668"/>
            <a:ext cx="10963656" cy="429768"/>
          </a:xfrm>
          <a:prstGeom prst="rect">
            <a:avLst/>
          </a:prstGeom>
        </p:spPr>
        <p:txBody>
          <a:bodyPr vert="horz" lIns="0" tIns="45720" rIns="91440" bIns="45720" rtlCol="0" anchor="b">
            <a:no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59352403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6" r:id="rId1"/>
    <p:sldLayoutId id="2147483663" r:id="rId2"/>
    <p:sldLayoutId id="2147483666" r:id="rId3"/>
    <p:sldLayoutId id="2147483731" r:id="rId4"/>
    <p:sldLayoutId id="2147483679" r:id="rId5"/>
    <p:sldLayoutId id="2147483685" r:id="rId6"/>
    <p:sldLayoutId id="2147483678" r:id="rId7"/>
    <p:sldLayoutId id="2147483701" r:id="rId8"/>
    <p:sldLayoutId id="2147483700" r:id="rId9"/>
    <p:sldLayoutId id="2147483697" r:id="rId10"/>
    <p:sldLayoutId id="2147483702" r:id="rId11"/>
    <p:sldLayoutId id="2147483704" r:id="rId12"/>
    <p:sldLayoutId id="2147483698" r:id="rId13"/>
    <p:sldLayoutId id="2147483703" r:id="rId14"/>
    <p:sldLayoutId id="2147483708" r:id="rId15"/>
    <p:sldLayoutId id="2147483728" r:id="rId16"/>
    <p:sldLayoutId id="2147483729" r:id="rId17"/>
    <p:sldLayoutId id="2147483730" r:id="rId18"/>
    <p:sldLayoutId id="2147483725" r:id="rId19"/>
    <p:sldLayoutId id="2147483682" r:id="rId20"/>
    <p:sldLayoutId id="2147483732" r:id="rId2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400" b="1" kern="1200">
          <a:solidFill>
            <a:schemeClr val="tx1"/>
          </a:solidFill>
          <a:latin typeface="+mn-lt"/>
          <a:ea typeface="+mj-ea"/>
          <a:cs typeface="+mj-cs"/>
        </a:defRPr>
      </a:lvl1pPr>
    </p:titleStyle>
    <p:bodyStyle>
      <a:lvl1pPr marL="6350" indent="0" algn="l" defTabSz="914400" rtl="0" eaLnBrk="1" latinLnBrk="0" hangingPunct="1">
        <a:lnSpc>
          <a:spcPct val="90000"/>
        </a:lnSpc>
        <a:spcBef>
          <a:spcPts val="800"/>
        </a:spcBef>
        <a:spcAft>
          <a:spcPts val="200"/>
        </a:spcAft>
        <a:buClr>
          <a:schemeClr val="accent5"/>
        </a:buClr>
        <a:buFont typeface="Arial" panose="020B0604020202020204" pitchFamily="34" charset="0"/>
        <a:buNone/>
        <a:tabLst/>
        <a:defRPr sz="2200" b="0" i="0" kern="1200" spc="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176213" indent="-169863" algn="l" defTabSz="914400" rtl="0" eaLnBrk="1" latinLnBrk="0" hangingPunct="1">
        <a:lnSpc>
          <a:spcPct val="90000"/>
        </a:lnSpc>
        <a:spcBef>
          <a:spcPts val="500"/>
        </a:spcBef>
        <a:spcAft>
          <a:spcPts val="200"/>
        </a:spcAft>
        <a:buClr>
          <a:schemeClr val="accent5"/>
        </a:buClr>
        <a:buFont typeface="Arial" panose="020B0604020202020204" pitchFamily="34" charset="0"/>
        <a:buChar char="•"/>
        <a:tabLst/>
        <a:defRPr sz="2000" b="0" i="0" kern="1200" spc="0">
          <a:solidFill>
            <a:schemeClr val="tx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400050" indent="-169863" algn="l" defTabSz="914400" rtl="0" eaLnBrk="1" latinLnBrk="0" hangingPunct="1">
        <a:lnSpc>
          <a:spcPct val="90000"/>
        </a:lnSpc>
        <a:spcBef>
          <a:spcPts val="500"/>
        </a:spcBef>
        <a:spcAft>
          <a:spcPts val="200"/>
        </a:spcAft>
        <a:buClr>
          <a:schemeClr val="tx2">
            <a:lumMod val="75000"/>
          </a:schemeClr>
        </a:buClr>
        <a:buFont typeface="System Font Regular"/>
        <a:buChar char="–"/>
        <a:tabLst/>
        <a:defRPr sz="1500" b="0" i="0" kern="1200" spc="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517525" indent="-114300" algn="l" defTabSz="914400" rtl="0" eaLnBrk="1" latinLnBrk="0" hangingPunct="1">
        <a:lnSpc>
          <a:spcPct val="90000"/>
        </a:lnSpc>
        <a:spcBef>
          <a:spcPts val="400"/>
        </a:spcBef>
        <a:buClr>
          <a:schemeClr val="tx1"/>
        </a:buClr>
        <a:buFont typeface="Arial" panose="020B0604020202020204" pitchFamily="34" charset="0"/>
        <a:buChar char="•"/>
        <a:tabLst/>
        <a:defRPr sz="1400" b="0" i="0" kern="1200" spc="0">
          <a:solidFill>
            <a:schemeClr val="tx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6350" indent="0" algn="l" defTabSz="914400" rtl="0" eaLnBrk="1" latinLnBrk="0" hangingPunct="1">
        <a:lnSpc>
          <a:spcPct val="90000"/>
        </a:lnSpc>
        <a:spcBef>
          <a:spcPts val="800"/>
        </a:spcBef>
        <a:spcAft>
          <a:spcPts val="200"/>
        </a:spcAft>
        <a:buClr>
          <a:schemeClr val="accent2"/>
        </a:buClr>
        <a:buFont typeface="System Font Regular"/>
        <a:buNone/>
        <a:tabLst/>
        <a:defRPr sz="2300" b="0" i="0" kern="1200" spc="0">
          <a:solidFill>
            <a:schemeClr val="tx2">
              <a:alpha val="65000"/>
            </a:schemeClr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635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tabLst/>
        <a:defRPr sz="1050" b="1" i="0" kern="1200" spc="150" baseline="0">
          <a:solidFill>
            <a:schemeClr val="tx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40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pos="384" userDrawn="1">
          <p15:clr>
            <a:srgbClr val="F26B43"/>
          </p15:clr>
        </p15:guide>
        <p15:guide id="4" pos="7296" userDrawn="1">
          <p15:clr>
            <a:srgbClr val="F26B43"/>
          </p15:clr>
        </p15:guide>
        <p15:guide id="5" pos="7392" userDrawn="1">
          <p15:clr>
            <a:srgbClr val="F26B43"/>
          </p15:clr>
        </p15:guide>
        <p15:guide id="6" pos="28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67339A-15A0-044E-9BD6-6F00FDDAC0F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99038" y="1825625"/>
            <a:ext cx="10963656" cy="4351338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en-US"/>
              <a:t>Place copy here</a:t>
            </a:r>
          </a:p>
          <a:p>
            <a:pPr lvl="1"/>
            <a:r>
              <a:rPr lang="en-US"/>
              <a:t>Second-level copy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Subhead</a:t>
            </a:r>
          </a:p>
          <a:p>
            <a:pPr lvl="5"/>
            <a:r>
              <a:rPr lang="en-US"/>
              <a:t>OPTIONAL LABEL</a:t>
            </a:r>
          </a:p>
          <a:p>
            <a:pPr lvl="4"/>
            <a:endParaRPr lang="en-US"/>
          </a:p>
        </p:txBody>
      </p:sp>
      <p:sp>
        <p:nvSpPr>
          <p:cNvPr id="13" name="Title Placeholder 12">
            <a:extLst>
              <a:ext uri="{FF2B5EF4-FFF2-40B4-BE49-F238E27FC236}">
                <a16:creationId xmlns:a16="http://schemas.microsoft.com/office/drawing/2014/main" id="{060CE405-A026-BA4F-9ACF-B4C7C15D42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9038" y="751668"/>
            <a:ext cx="10963656" cy="429768"/>
          </a:xfrm>
          <a:prstGeom prst="rect">
            <a:avLst/>
          </a:prstGeom>
        </p:spPr>
        <p:txBody>
          <a:bodyPr vert="horz" lIns="0" tIns="45720" rIns="91440" bIns="45720" rtlCol="0" anchor="b">
            <a:no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22802959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09" r:id="rId1"/>
    <p:sldLayoutId id="2147483722" r:id="rId2"/>
    <p:sldLayoutId id="2147483723" r:id="rId3"/>
    <p:sldLayoutId id="2147483719" r:id="rId4"/>
    <p:sldLayoutId id="2147483720" r:id="rId5"/>
    <p:sldLayoutId id="2147483718" r:id="rId6"/>
    <p:sldLayoutId id="2147483710" r:id="rId7"/>
    <p:sldLayoutId id="2147483711" r:id="rId8"/>
    <p:sldLayoutId id="2147483712" r:id="rId9"/>
    <p:sldLayoutId id="2147483714" r:id="rId10"/>
    <p:sldLayoutId id="2147483716" r:id="rId11"/>
    <p:sldLayoutId id="2147483717" r:id="rId12"/>
    <p:sldLayoutId id="2147483724" r:id="rId13"/>
    <p:sldLayoutId id="2147483713" r:id="rId14"/>
    <p:sldLayoutId id="2147483727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400" b="1" kern="1200">
          <a:solidFill>
            <a:schemeClr val="bg1"/>
          </a:solidFill>
          <a:latin typeface="+mn-lt"/>
          <a:ea typeface="+mj-ea"/>
          <a:cs typeface="+mj-cs"/>
        </a:defRPr>
      </a:lvl1pPr>
    </p:titleStyle>
    <p:bodyStyle>
      <a:lvl1pPr marL="6350" indent="0" algn="l" defTabSz="914400" rtl="0" eaLnBrk="1" latinLnBrk="0" hangingPunct="1">
        <a:lnSpc>
          <a:spcPct val="90000"/>
        </a:lnSpc>
        <a:spcBef>
          <a:spcPts val="800"/>
        </a:spcBef>
        <a:spcAft>
          <a:spcPts val="200"/>
        </a:spcAft>
        <a:buClr>
          <a:schemeClr val="accent5"/>
        </a:buClr>
        <a:buFont typeface="Arial" panose="020B0604020202020204" pitchFamily="34" charset="0"/>
        <a:buNone/>
        <a:tabLst/>
        <a:defRPr sz="2200" b="0" i="0" kern="1200">
          <a:solidFill>
            <a:schemeClr val="bg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176213" indent="-169863" algn="l" defTabSz="914400" rtl="0" eaLnBrk="1" latinLnBrk="0" hangingPunct="1">
        <a:lnSpc>
          <a:spcPct val="90000"/>
        </a:lnSpc>
        <a:spcBef>
          <a:spcPts val="500"/>
        </a:spcBef>
        <a:spcAft>
          <a:spcPts val="200"/>
        </a:spcAft>
        <a:buClr>
          <a:schemeClr val="accent5"/>
        </a:buClr>
        <a:buFont typeface="Arial" panose="020B0604020202020204" pitchFamily="34" charset="0"/>
        <a:buChar char="•"/>
        <a:tabLst/>
        <a:defRPr sz="2000" b="0" i="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400050" indent="-169863" algn="l" defTabSz="914400" rtl="0" eaLnBrk="1" latinLnBrk="0" hangingPunct="1">
        <a:lnSpc>
          <a:spcPct val="90000"/>
        </a:lnSpc>
        <a:spcBef>
          <a:spcPts val="500"/>
        </a:spcBef>
        <a:spcAft>
          <a:spcPts val="200"/>
        </a:spcAft>
        <a:buClr>
          <a:schemeClr val="bg2"/>
        </a:buClr>
        <a:buFont typeface="System Font Regular"/>
        <a:buChar char="–"/>
        <a:tabLst/>
        <a:defRPr sz="1500" b="0" i="0" kern="1200">
          <a:solidFill>
            <a:schemeClr val="bg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517525" indent="-117475" algn="l" defTabSz="914400" rtl="0" eaLnBrk="1" latinLnBrk="0" hangingPunct="1">
        <a:lnSpc>
          <a:spcPct val="90000"/>
        </a:lnSpc>
        <a:spcBef>
          <a:spcPts val="400"/>
        </a:spcBef>
        <a:buClr>
          <a:schemeClr val="bg1"/>
        </a:buClr>
        <a:buFont typeface="Arial" panose="020B0604020202020204" pitchFamily="34" charset="0"/>
        <a:buChar char="•"/>
        <a:tabLst/>
        <a:defRPr sz="1400" b="0" i="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6350" indent="0" algn="l" defTabSz="914400" rtl="0" eaLnBrk="1" latinLnBrk="0" hangingPunct="1">
        <a:lnSpc>
          <a:spcPct val="90000"/>
        </a:lnSpc>
        <a:spcBef>
          <a:spcPts val="800"/>
        </a:spcBef>
        <a:spcAft>
          <a:spcPts val="200"/>
        </a:spcAft>
        <a:buClr>
          <a:schemeClr val="accent2"/>
        </a:buClr>
        <a:buFont typeface="System Font Regular"/>
        <a:buNone/>
        <a:tabLst/>
        <a:defRPr sz="2300" b="0" i="0" kern="1200">
          <a:solidFill>
            <a:schemeClr val="bg2">
              <a:alpha val="65000"/>
            </a:schemeClr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635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None/>
        <a:tabLst/>
        <a:defRPr sz="1050" b="1" i="0" kern="1200" spc="150" baseline="0">
          <a:solidFill>
            <a:schemeClr val="bg1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40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pos="384" userDrawn="1">
          <p15:clr>
            <a:srgbClr val="F26B43"/>
          </p15:clr>
        </p15:guide>
        <p15:guide id="4" pos="7296" userDrawn="1">
          <p15:clr>
            <a:srgbClr val="F26B43"/>
          </p15:clr>
        </p15:guide>
        <p15:guide id="5" pos="288" userDrawn="1">
          <p15:clr>
            <a:srgbClr val="F26B43"/>
          </p15:clr>
        </p15:guide>
        <p15:guide id="6" pos="739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svg"/><Relationship Id="rId7" Type="http://schemas.openxmlformats.org/officeDocument/2006/relationships/image" Target="../media/image15.sv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4.png"/><Relationship Id="rId11" Type="http://schemas.openxmlformats.org/officeDocument/2006/relationships/image" Target="../media/image19.svg"/><Relationship Id="rId5" Type="http://schemas.openxmlformats.org/officeDocument/2006/relationships/image" Target="../media/image13.svg"/><Relationship Id="rId10" Type="http://schemas.openxmlformats.org/officeDocument/2006/relationships/image" Target="../media/image18.png"/><Relationship Id="rId4" Type="http://schemas.openxmlformats.org/officeDocument/2006/relationships/image" Target="../media/image12.png"/><Relationship Id="rId9" Type="http://schemas.openxmlformats.org/officeDocument/2006/relationships/image" Target="../media/image17.sv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sv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029E49C6-DC9F-4F74-9447-975C2E1E69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600" dirty="0">
                <a:latin typeface="FireEye Display U" pitchFamily="2" charset="77"/>
              </a:rPr>
              <a:t>CommScope: Remediation Engagement Internal Kickoff</a:t>
            </a:r>
            <a:br>
              <a:rPr lang="en-US" sz="4400" dirty="0">
                <a:latin typeface="FireEye Display U" pitchFamily="2" charset="77"/>
              </a:rPr>
            </a:br>
            <a:r>
              <a:rPr lang="en-US" sz="2000" dirty="0">
                <a:latin typeface="FireEye Display U" pitchFamily="2" charset="77"/>
              </a:rPr>
              <a:t>Phase 2</a:t>
            </a:r>
            <a:br>
              <a:rPr lang="en-US" sz="2000" dirty="0">
                <a:latin typeface="FireEye Display U" pitchFamily="2" charset="77"/>
              </a:rPr>
            </a:br>
            <a:r>
              <a:rPr lang="en-US" sz="1400" i="1" dirty="0">
                <a:latin typeface="FireEye Display U" pitchFamily="2" charset="77"/>
              </a:rPr>
              <a:t>July 2023</a:t>
            </a:r>
            <a:endParaRPr lang="en-US" i="1" dirty="0"/>
          </a:p>
        </p:txBody>
      </p:sp>
    </p:spTree>
    <p:extLst>
      <p:ext uri="{BB962C8B-B14F-4D97-AF65-F5344CB8AC3E}">
        <p14:creationId xmlns:p14="http://schemas.microsoft.com/office/powerpoint/2010/main" val="282949069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6A9D005-363F-4F91-9750-31FC40E8AD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High-level Timeline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890C1765-B2C1-6A47-8543-C6BF24B880F5}"/>
              </a:ext>
            </a:extLst>
          </p:cNvPr>
          <p:cNvSpPr txBox="1"/>
          <p:nvPr/>
        </p:nvSpPr>
        <p:spPr>
          <a:xfrm>
            <a:off x="11860040" y="6581869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err="1"/>
          </a:p>
        </p:txBody>
      </p:sp>
      <p:sp>
        <p:nvSpPr>
          <p:cNvPr id="67" name="OTLSHAPE_SL_9478fad2aea34299a1841e8802ee8aa9_BackgroundRectangle">
            <a:extLst>
              <a:ext uri="{FF2B5EF4-FFF2-40B4-BE49-F238E27FC236}">
                <a16:creationId xmlns:a16="http://schemas.microsoft.com/office/drawing/2014/main" id="{504A9AE5-A8F5-4A12-AC69-CE3D297274F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61942" y="2550420"/>
            <a:ext cx="9844005" cy="182035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32"/>
          </a:p>
        </p:txBody>
      </p:sp>
      <p:sp>
        <p:nvSpPr>
          <p:cNvPr id="68" name="OTLSHAPE_SL_3d52f1a82f5b47e688aec7bae737bf33_BackgroundRectangle">
            <a:extLst>
              <a:ext uri="{FF2B5EF4-FFF2-40B4-BE49-F238E27FC236}">
                <a16:creationId xmlns:a16="http://schemas.microsoft.com/office/drawing/2014/main" id="{F0B6D7D1-85FA-482D-B275-9A7A3CA2BC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61942" y="4531262"/>
            <a:ext cx="9844005" cy="144414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32"/>
          </a:p>
        </p:txBody>
      </p:sp>
      <p:cxnSp>
        <p:nvCxnSpPr>
          <p:cNvPr id="69" name="OTLSHAPE_M_ece521c25f5541f98e733414618e08e7_Connector1">
            <a:extLst>
              <a:ext uri="{FF2B5EF4-FFF2-40B4-BE49-F238E27FC236}">
                <a16:creationId xmlns:a16="http://schemas.microsoft.com/office/drawing/2014/main" id="{39702D67-209B-43C7-A09B-D41D9F4A19AA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2377103" y="1435305"/>
            <a:ext cx="0" cy="560658"/>
          </a:xfrm>
          <a:prstGeom prst="line">
            <a:avLst/>
          </a:prstGeom>
          <a:ln w="1587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ScaleContainer">
            <a:extLst>
              <a:ext uri="{FF2B5EF4-FFF2-40B4-BE49-F238E27FC236}">
                <a16:creationId xmlns:a16="http://schemas.microsoft.com/office/drawing/2014/main" id="{A943D0C8-C074-4326-B201-C29764E886B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702266" y="1995963"/>
            <a:ext cx="8803682" cy="338353"/>
          </a:xfrm>
          <a:prstGeom prst="roundRect">
            <a:avLst/>
          </a:prstGeom>
          <a:gradFill flip="none" rotWithShape="1">
            <a:gsLst>
              <a:gs pos="0">
                <a:schemeClr val="bg2">
                  <a:lumMod val="90000"/>
                </a:schemeClr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32"/>
          </a:p>
        </p:txBody>
      </p:sp>
      <p:sp>
        <p:nvSpPr>
          <p:cNvPr id="71" name="OTLSHAPE_SL_9478fad2aea34299a1841e8802ee8aa9_HeaderRectangle">
            <a:extLst>
              <a:ext uri="{FF2B5EF4-FFF2-40B4-BE49-F238E27FC236}">
                <a16:creationId xmlns:a16="http://schemas.microsoft.com/office/drawing/2014/main" id="{98B3BB15-A38A-45EE-ABFE-87983278557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61942" y="2550421"/>
            <a:ext cx="1540324" cy="1179554"/>
          </a:xfrm>
          <a:prstGeom prst="rect">
            <a:avLst/>
          </a:prstGeom>
          <a:solidFill>
            <a:srgbClr val="F2653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32"/>
          </a:p>
        </p:txBody>
      </p:sp>
      <p:sp>
        <p:nvSpPr>
          <p:cNvPr id="72" name="OTLSHAPE_SL_3d52f1a82f5b47e688aec7bae737bf33_HeaderRectangle">
            <a:extLst>
              <a:ext uri="{FF2B5EF4-FFF2-40B4-BE49-F238E27FC236}">
                <a16:creationId xmlns:a16="http://schemas.microsoft.com/office/drawing/2014/main" id="{9DB221BE-449B-485A-9688-8C4452F2017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61942" y="4531262"/>
            <a:ext cx="1540324" cy="1444147"/>
          </a:xfrm>
          <a:prstGeom prst="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32"/>
          </a:p>
        </p:txBody>
      </p:sp>
      <p:cxnSp>
        <p:nvCxnSpPr>
          <p:cNvPr id="73" name="OTLSHAPE_G_00000000000000000000000000000000_ShapeBelow0">
            <a:extLst>
              <a:ext uri="{FF2B5EF4-FFF2-40B4-BE49-F238E27FC236}">
                <a16:creationId xmlns:a16="http://schemas.microsoft.com/office/drawing/2014/main" id="{3FAAEFB5-4787-4D50-B397-CA75DC0FB337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2366769" y="2268845"/>
            <a:ext cx="0" cy="3133962"/>
          </a:xfrm>
          <a:prstGeom prst="line">
            <a:avLst/>
          </a:prstGeom>
          <a:ln w="2540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3">
            <a:extLst>
              <a:ext uri="{FF2B5EF4-FFF2-40B4-BE49-F238E27FC236}">
                <a16:creationId xmlns:a16="http://schemas.microsoft.com/office/drawing/2014/main" id="{6E28E7A8-1988-4AEF-9EEF-3913820E4AD5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9811139" y="2334317"/>
            <a:ext cx="0" cy="3068491"/>
          </a:xfrm>
          <a:prstGeom prst="line">
            <a:avLst/>
          </a:prstGeom>
          <a:ln w="2540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SLT_da87d7e7c6c7415584342e9aee987c83_Shape">
            <a:extLst>
              <a:ext uri="{FF2B5EF4-FFF2-40B4-BE49-F238E27FC236}">
                <a16:creationId xmlns:a16="http://schemas.microsoft.com/office/drawing/2014/main" id="{9B01EE40-5D56-4958-88E2-3320DBFF11B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456838" y="2937195"/>
            <a:ext cx="7437084" cy="16917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99" dirty="0">
                <a:solidFill>
                  <a:schemeClr val="bg1"/>
                </a:solidFill>
              </a:rPr>
              <a:t>Cybersecurity</a:t>
            </a:r>
          </a:p>
        </p:txBody>
      </p:sp>
      <p:sp>
        <p:nvSpPr>
          <p:cNvPr id="76" name="OTLSHAPE_SLT_9ab5f9fea2614a17beb261f9216c1d0a_Shape">
            <a:extLst>
              <a:ext uri="{FF2B5EF4-FFF2-40B4-BE49-F238E27FC236}">
                <a16:creationId xmlns:a16="http://schemas.microsoft.com/office/drawing/2014/main" id="{FF427533-6C06-456E-A2E0-6A768F51F71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456839" y="3219716"/>
            <a:ext cx="7437084" cy="16917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99" dirty="0">
                <a:solidFill>
                  <a:schemeClr val="bg1"/>
                </a:solidFill>
              </a:rPr>
              <a:t>Infrastructure</a:t>
            </a:r>
          </a:p>
        </p:txBody>
      </p:sp>
      <p:sp>
        <p:nvSpPr>
          <p:cNvPr id="77" name="OTLSHAPE_SLT_e354d8647fc14396907aefe72fc4885b_Shape">
            <a:extLst>
              <a:ext uri="{FF2B5EF4-FFF2-40B4-BE49-F238E27FC236}">
                <a16:creationId xmlns:a16="http://schemas.microsoft.com/office/drawing/2014/main" id="{7CB80A0B-1DB0-4771-B8C8-47060CB1E4A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361258" y="4617450"/>
            <a:ext cx="2859086" cy="169177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Program Increment 1</a:t>
            </a:r>
          </a:p>
        </p:txBody>
      </p:sp>
      <p:sp>
        <p:nvSpPr>
          <p:cNvPr id="78" name="OTLSHAPE_SLT_b7dc029ceb784586a50e67ef6cc8f04f_Shape">
            <a:extLst>
              <a:ext uri="{FF2B5EF4-FFF2-40B4-BE49-F238E27FC236}">
                <a16:creationId xmlns:a16="http://schemas.microsoft.com/office/drawing/2014/main" id="{95184695-269A-4456-94ED-3D4C1187E23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370260" y="5432650"/>
            <a:ext cx="3308306" cy="169177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Org Charters &amp; </a:t>
            </a:r>
            <a:r>
              <a:rPr lang="en-US" sz="1332" err="1">
                <a:solidFill>
                  <a:schemeClr val="bg1"/>
                </a:solidFill>
              </a:rPr>
              <a:t>SteerCO</a:t>
            </a:r>
            <a:endParaRPr lang="en-US" sz="1332">
              <a:solidFill>
                <a:schemeClr val="bg1"/>
              </a:solidFill>
            </a:endParaRPr>
          </a:p>
        </p:txBody>
      </p:sp>
      <p:sp>
        <p:nvSpPr>
          <p:cNvPr id="79" name="OTLSHAPE_SLT_b9d2d99441e745efaa4c4e7d23231848_Shape">
            <a:extLst>
              <a:ext uri="{FF2B5EF4-FFF2-40B4-BE49-F238E27FC236}">
                <a16:creationId xmlns:a16="http://schemas.microsoft.com/office/drawing/2014/main" id="{6A5AAAB1-9AF0-40F5-AAD0-E30D0386AEA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375211" y="4916229"/>
            <a:ext cx="2803811" cy="169177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PMO design &amp; deploy*</a:t>
            </a:r>
          </a:p>
        </p:txBody>
      </p:sp>
      <p:sp>
        <p:nvSpPr>
          <p:cNvPr id="80" name="OTLSHAPE_SL_9478fad2aea34299a1841e8802ee8aa9_Header">
            <a:extLst>
              <a:ext uri="{FF2B5EF4-FFF2-40B4-BE49-F238E27FC236}">
                <a16:creationId xmlns:a16="http://schemas.microsoft.com/office/drawing/2014/main" id="{BE0EF238-4B78-4ABD-8598-9777BFCA3EA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40133" y="2550421"/>
            <a:ext cx="1562132" cy="1820358"/>
          </a:xfrm>
          <a:prstGeom prst="rect">
            <a:avLst/>
          </a:prstGeom>
          <a:solidFill>
            <a:srgbClr val="445862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599" dirty="0">
                <a:solidFill>
                  <a:schemeClr val="bg1"/>
                </a:solidFill>
                <a:latin typeface="Calibri" panose="020F0502020204030204" pitchFamily="34" charset="0"/>
              </a:rPr>
              <a:t>Remediation Workstreams</a:t>
            </a:r>
          </a:p>
        </p:txBody>
      </p:sp>
      <p:sp>
        <p:nvSpPr>
          <p:cNvPr id="81" name="OTLSHAPE_SL_3d52f1a82f5b47e688aec7bae737bf33_Header">
            <a:extLst>
              <a:ext uri="{FF2B5EF4-FFF2-40B4-BE49-F238E27FC236}">
                <a16:creationId xmlns:a16="http://schemas.microsoft.com/office/drawing/2014/main" id="{CB4D0E48-397F-4F13-8A2C-C8297B000E3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73486" y="4531263"/>
            <a:ext cx="1540324" cy="14441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599">
                <a:solidFill>
                  <a:schemeClr val="bg1"/>
                </a:solidFill>
                <a:latin typeface="Calibri" panose="020F0502020204030204" pitchFamily="34" charset="0"/>
              </a:rPr>
              <a:t>Governance</a:t>
            </a:r>
          </a:p>
          <a:p>
            <a:pPr algn="ctr"/>
            <a:endParaRPr lang="en-US" sz="1599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TimescaleInterval1">
            <a:extLst>
              <a:ext uri="{FF2B5EF4-FFF2-40B4-BE49-F238E27FC236}">
                <a16:creationId xmlns:a16="http://schemas.microsoft.com/office/drawing/2014/main" id="{4D70A92F-3333-4B10-B16C-730B112E154C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786854" y="2061434"/>
            <a:ext cx="6030299" cy="207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332" spc="-27">
                <a:solidFill>
                  <a:schemeClr val="lt1"/>
                </a:solidFill>
              </a:rPr>
              <a:t>0 to 90 Days</a:t>
            </a:r>
          </a:p>
        </p:txBody>
      </p:sp>
      <p:sp>
        <p:nvSpPr>
          <p:cNvPr id="83" name="OTLSHAPE_TB_00000000000000000000000000000000_TimescaleInterval5">
            <a:extLst>
              <a:ext uri="{FF2B5EF4-FFF2-40B4-BE49-F238E27FC236}">
                <a16:creationId xmlns:a16="http://schemas.microsoft.com/office/drawing/2014/main" id="{3C948495-4331-44AC-8AFB-5E6D5A2770C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521980" y="2061434"/>
            <a:ext cx="967755" cy="207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32" spc="-29">
                <a:solidFill>
                  <a:schemeClr val="lt1"/>
                </a:solidFill>
              </a:rPr>
              <a:t>90-115</a:t>
            </a:r>
          </a:p>
        </p:txBody>
      </p:sp>
      <p:sp>
        <p:nvSpPr>
          <p:cNvPr id="84" name="OTLSHAPE_TB_00000000000000000000000000000000_ScaleMarking1">
            <a:extLst>
              <a:ext uri="{FF2B5EF4-FFF2-40B4-BE49-F238E27FC236}">
                <a16:creationId xmlns:a16="http://schemas.microsoft.com/office/drawing/2014/main" id="{1070276A-C86B-45C7-84FC-74947B2AFE6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786855" y="1788552"/>
            <a:ext cx="375824" cy="207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32" spc="-16" dirty="0">
                <a:solidFill>
                  <a:srgbClr val="44546A"/>
                </a:solidFill>
              </a:rPr>
              <a:t>Jul 2023</a:t>
            </a:r>
          </a:p>
        </p:txBody>
      </p:sp>
      <p:sp>
        <p:nvSpPr>
          <p:cNvPr id="85" name="OTLSHAPE_M_ece521c25f5541f98e733414618e08e7_Shape">
            <a:extLst>
              <a:ext uri="{FF2B5EF4-FFF2-40B4-BE49-F238E27FC236}">
                <a16:creationId xmlns:a16="http://schemas.microsoft.com/office/drawing/2014/main" id="{09048181-BA1E-44DF-BAC9-2EE3825289A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rot="16200000">
            <a:off x="2410939" y="1435305"/>
            <a:ext cx="219930" cy="21993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32"/>
          </a:p>
        </p:txBody>
      </p:sp>
      <p:sp>
        <p:nvSpPr>
          <p:cNvPr id="86" name="OTLSHAPE_M_ece521c25f5541f98e733414618e08e7_Title">
            <a:extLst>
              <a:ext uri="{FF2B5EF4-FFF2-40B4-BE49-F238E27FC236}">
                <a16:creationId xmlns:a16="http://schemas.microsoft.com/office/drawing/2014/main" id="{55F8EA06-0754-426F-997F-49F316A58196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735837" y="1431363"/>
            <a:ext cx="1184237" cy="2049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32" b="1" spc="-5">
                <a:solidFill>
                  <a:srgbClr val="000000"/>
                </a:solidFill>
              </a:rPr>
              <a:t>Project Kickoff</a:t>
            </a:r>
          </a:p>
        </p:txBody>
      </p:sp>
      <p:sp>
        <p:nvSpPr>
          <p:cNvPr id="87" name="OTLSHAPE_SLT_b9d2d99441e745efaa4c4e7d23231848_Shape">
            <a:extLst>
              <a:ext uri="{FF2B5EF4-FFF2-40B4-BE49-F238E27FC236}">
                <a16:creationId xmlns:a16="http://schemas.microsoft.com/office/drawing/2014/main" id="{8406F0BF-0CD2-48A3-BA52-E14339EC5D5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406853" y="5726211"/>
            <a:ext cx="8100839" cy="169177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Project Management</a:t>
            </a:r>
          </a:p>
        </p:txBody>
      </p:sp>
      <p:sp>
        <p:nvSpPr>
          <p:cNvPr id="88" name="OTLSHAPE_SLT_da87d7e7c6c7415584342e9aee987c83_Shape">
            <a:extLst>
              <a:ext uri="{FF2B5EF4-FFF2-40B4-BE49-F238E27FC236}">
                <a16:creationId xmlns:a16="http://schemas.microsoft.com/office/drawing/2014/main" id="{B08AC673-B785-49D6-B613-A18145F1B30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456838" y="2635159"/>
            <a:ext cx="7437084" cy="16917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99" dirty="0">
                <a:solidFill>
                  <a:schemeClr val="bg1"/>
                </a:solidFill>
              </a:rPr>
              <a:t>Identify and Access Management</a:t>
            </a:r>
          </a:p>
        </p:txBody>
      </p:sp>
      <p:sp>
        <p:nvSpPr>
          <p:cNvPr id="90" name="OTLSHAPE_SLT_b7dc029ceb784586a50e67ef6cc8f04f_Shape">
            <a:extLst>
              <a:ext uri="{FF2B5EF4-FFF2-40B4-BE49-F238E27FC236}">
                <a16:creationId xmlns:a16="http://schemas.microsoft.com/office/drawing/2014/main" id="{BF902D7C-041E-4A5A-844A-989CDBB47A5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361507" y="4622668"/>
            <a:ext cx="3028098" cy="169177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Program Increment 2</a:t>
            </a:r>
          </a:p>
        </p:txBody>
      </p:sp>
      <p:sp>
        <p:nvSpPr>
          <p:cNvPr id="92" name="OTLSHAPE_TB_00000000000000000000000000000000_ScaleMarking1">
            <a:extLst>
              <a:ext uri="{FF2B5EF4-FFF2-40B4-BE49-F238E27FC236}">
                <a16:creationId xmlns:a16="http://schemas.microsoft.com/office/drawing/2014/main" id="{195F590F-6699-4F7C-A351-A83BB2B6406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433584" y="1676153"/>
            <a:ext cx="375824" cy="2074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32" spc="-16" dirty="0">
                <a:solidFill>
                  <a:srgbClr val="44546A"/>
                </a:solidFill>
              </a:rPr>
              <a:t>Sep 2023</a:t>
            </a:r>
          </a:p>
        </p:txBody>
      </p:sp>
      <p:sp>
        <p:nvSpPr>
          <p:cNvPr id="93" name="OTLSHAPE_SLT_b7dc029ceb784586a50e67ef6cc8f04f_Shape">
            <a:extLst>
              <a:ext uri="{FF2B5EF4-FFF2-40B4-BE49-F238E27FC236}">
                <a16:creationId xmlns:a16="http://schemas.microsoft.com/office/drawing/2014/main" id="{D7DF64AC-CD3F-4250-8FE4-06AC7A4BE5C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361258" y="5156207"/>
            <a:ext cx="2859073" cy="191855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Project Charters &amp; Requirements</a:t>
            </a:r>
          </a:p>
        </p:txBody>
      </p:sp>
      <p:sp>
        <p:nvSpPr>
          <p:cNvPr id="94" name="OTLSHAPE_SLT_b9d2d99441e745efaa4c4e7d23231848_Shape">
            <a:extLst>
              <a:ext uri="{FF2B5EF4-FFF2-40B4-BE49-F238E27FC236}">
                <a16:creationId xmlns:a16="http://schemas.microsoft.com/office/drawing/2014/main" id="{6E07D3F6-90B1-45EF-8E04-20C8F1D8CBD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768632" y="5432650"/>
            <a:ext cx="4714255" cy="169177"/>
          </a:xfrm>
          <a:prstGeom prst="roundRect">
            <a:avLst/>
          </a:prstGeom>
          <a:solidFill>
            <a:srgbClr val="1099D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32">
                <a:solidFill>
                  <a:schemeClr val="bg1"/>
                </a:solidFill>
              </a:rPr>
              <a:t>Execution Monitoring</a:t>
            </a:r>
          </a:p>
        </p:txBody>
      </p:sp>
      <p:sp>
        <p:nvSpPr>
          <p:cNvPr id="95" name="TextBox 94">
            <a:extLst>
              <a:ext uri="{FF2B5EF4-FFF2-40B4-BE49-F238E27FC236}">
                <a16:creationId xmlns:a16="http://schemas.microsoft.com/office/drawing/2014/main" id="{2B8BE94B-25EC-4091-A6FE-74C9A60FE6B6}"/>
              </a:ext>
            </a:extLst>
          </p:cNvPr>
          <p:cNvSpPr txBox="1"/>
          <p:nvPr/>
        </p:nvSpPr>
        <p:spPr>
          <a:xfrm>
            <a:off x="1258849" y="6060069"/>
            <a:ext cx="9224034" cy="3384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99"/>
              <a:t>*Release plans developed for each initiative</a:t>
            </a:r>
          </a:p>
        </p:txBody>
      </p:sp>
      <p:sp>
        <p:nvSpPr>
          <p:cNvPr id="2" name="OTLSHAPE_SLT_da87d7e7c6c7415584342e9aee987c83_Shape">
            <a:extLst>
              <a:ext uri="{FF2B5EF4-FFF2-40B4-BE49-F238E27FC236}">
                <a16:creationId xmlns:a16="http://schemas.microsoft.com/office/drawing/2014/main" id="{AA5F3028-93A0-7F6F-EE30-30DEE3A9FF6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456838" y="3792961"/>
            <a:ext cx="7437084" cy="16917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99" dirty="0">
                <a:solidFill>
                  <a:schemeClr val="bg1"/>
                </a:solidFill>
              </a:rPr>
              <a:t>Product Security</a:t>
            </a:r>
          </a:p>
        </p:txBody>
      </p:sp>
      <p:sp>
        <p:nvSpPr>
          <p:cNvPr id="4" name="OTLSHAPE_SLT_9ab5f9fea2614a17beb261f9216c1d0a_Shape">
            <a:extLst>
              <a:ext uri="{FF2B5EF4-FFF2-40B4-BE49-F238E27FC236}">
                <a16:creationId xmlns:a16="http://schemas.microsoft.com/office/drawing/2014/main" id="{D2E50FFC-D934-A2B9-7917-14769C54F25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456839" y="4075482"/>
            <a:ext cx="7437084" cy="16917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99" dirty="0">
                <a:solidFill>
                  <a:schemeClr val="bg1"/>
                </a:solidFill>
              </a:rPr>
              <a:t>Other Security Initiatives</a:t>
            </a:r>
          </a:p>
        </p:txBody>
      </p:sp>
      <p:sp>
        <p:nvSpPr>
          <p:cNvPr id="5" name="OTLSHAPE_SLT_da87d7e7c6c7415584342e9aee987c83_Shape">
            <a:extLst>
              <a:ext uri="{FF2B5EF4-FFF2-40B4-BE49-F238E27FC236}">
                <a16:creationId xmlns:a16="http://schemas.microsoft.com/office/drawing/2014/main" id="{2FF3338D-0B22-4FBB-275F-0F9B019A5E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456838" y="3490925"/>
            <a:ext cx="7437084" cy="169177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99" dirty="0">
                <a:solidFill>
                  <a:schemeClr val="bg1"/>
                </a:solidFill>
              </a:rPr>
              <a:t>Data Security</a:t>
            </a:r>
          </a:p>
        </p:txBody>
      </p:sp>
    </p:spTree>
    <p:extLst>
      <p:ext uri="{BB962C8B-B14F-4D97-AF65-F5344CB8AC3E}">
        <p14:creationId xmlns:p14="http://schemas.microsoft.com/office/powerpoint/2010/main" val="161912417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CBE5E3B-6AC4-429E-AAE4-B6E81F68D6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urrent Status</a:t>
            </a: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D1255F69-03C1-0DCC-3986-CBB494F123BC}"/>
              </a:ext>
            </a:extLst>
          </p:cNvPr>
          <p:cNvSpPr/>
          <p:nvPr/>
        </p:nvSpPr>
        <p:spPr>
          <a:xfrm>
            <a:off x="2880090" y="1597891"/>
            <a:ext cx="2096653" cy="618836"/>
          </a:xfrm>
          <a:prstGeom prst="round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Ready </a:t>
            </a:r>
          </a:p>
        </p:txBody>
      </p:sp>
      <p:sp>
        <p:nvSpPr>
          <p:cNvPr id="24" name="Rounded Rectangle 23">
            <a:extLst>
              <a:ext uri="{FF2B5EF4-FFF2-40B4-BE49-F238E27FC236}">
                <a16:creationId xmlns:a16="http://schemas.microsoft.com/office/drawing/2014/main" id="{64B5A551-0F79-4494-2EA8-281225F66901}"/>
              </a:ext>
            </a:extLst>
          </p:cNvPr>
          <p:cNvSpPr/>
          <p:nvPr/>
        </p:nvSpPr>
        <p:spPr>
          <a:xfrm>
            <a:off x="5161142" y="1602509"/>
            <a:ext cx="2096653" cy="618836"/>
          </a:xfrm>
          <a:prstGeom prst="round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n Progress                   </a:t>
            </a:r>
          </a:p>
        </p:txBody>
      </p:sp>
      <p:sp>
        <p:nvSpPr>
          <p:cNvPr id="25" name="Rounded Rectangle 24">
            <a:extLst>
              <a:ext uri="{FF2B5EF4-FFF2-40B4-BE49-F238E27FC236}">
                <a16:creationId xmlns:a16="http://schemas.microsoft.com/office/drawing/2014/main" id="{F1777A4E-24F9-0A2E-3475-0C2C79C721A6}"/>
              </a:ext>
            </a:extLst>
          </p:cNvPr>
          <p:cNvSpPr/>
          <p:nvPr/>
        </p:nvSpPr>
        <p:spPr>
          <a:xfrm>
            <a:off x="7442194" y="1602509"/>
            <a:ext cx="2096653" cy="618836"/>
          </a:xfrm>
          <a:prstGeom prst="round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Done       </a:t>
            </a:r>
          </a:p>
        </p:txBody>
      </p: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28DE497F-FD9F-95A1-7FAB-1CFDE4554486}"/>
              </a:ext>
            </a:extLst>
          </p:cNvPr>
          <p:cNvSpPr/>
          <p:nvPr/>
        </p:nvSpPr>
        <p:spPr>
          <a:xfrm>
            <a:off x="7442194" y="2417293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Provide Mandiant Admin Access at Project Level</a:t>
            </a:r>
          </a:p>
        </p:txBody>
      </p:sp>
      <p:sp>
        <p:nvSpPr>
          <p:cNvPr id="28" name="Rounded Rectangle 27">
            <a:extLst>
              <a:ext uri="{FF2B5EF4-FFF2-40B4-BE49-F238E27FC236}">
                <a16:creationId xmlns:a16="http://schemas.microsoft.com/office/drawing/2014/main" id="{4FA9E14A-802A-E0E1-4099-68F4B891D1EF}"/>
              </a:ext>
            </a:extLst>
          </p:cNvPr>
          <p:cNvSpPr/>
          <p:nvPr/>
        </p:nvSpPr>
        <p:spPr>
          <a:xfrm>
            <a:off x="9723245" y="1602509"/>
            <a:ext cx="2096653" cy="618836"/>
          </a:xfrm>
          <a:prstGeom prst="round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Accepted       </a:t>
            </a:r>
          </a:p>
        </p:txBody>
      </p: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CA5F0F3C-A849-C6D4-80ED-86D477895E60}"/>
              </a:ext>
            </a:extLst>
          </p:cNvPr>
          <p:cNvSpPr/>
          <p:nvPr/>
        </p:nvSpPr>
        <p:spPr>
          <a:xfrm>
            <a:off x="7442194" y="4322157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Determine Recurring Weekly Status Meetings</a:t>
            </a:r>
          </a:p>
        </p:txBody>
      </p:sp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FD85D329-D323-7D10-1005-EC7E296EC91A}"/>
              </a:ext>
            </a:extLst>
          </p:cNvPr>
          <p:cNvSpPr/>
          <p:nvPr/>
        </p:nvSpPr>
        <p:spPr>
          <a:xfrm>
            <a:off x="5165158" y="2427829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Create Project Charter</a:t>
            </a:r>
          </a:p>
        </p:txBody>
      </p:sp>
      <p:sp>
        <p:nvSpPr>
          <p:cNvPr id="31" name="Rounded Rectangle 30">
            <a:extLst>
              <a:ext uri="{FF2B5EF4-FFF2-40B4-BE49-F238E27FC236}">
                <a16:creationId xmlns:a16="http://schemas.microsoft.com/office/drawing/2014/main" id="{B7A3F18E-077A-9D53-1106-C9C15DBC6B75}"/>
              </a:ext>
            </a:extLst>
          </p:cNvPr>
          <p:cNvSpPr/>
          <p:nvPr/>
        </p:nvSpPr>
        <p:spPr>
          <a:xfrm>
            <a:off x="599038" y="1602509"/>
            <a:ext cx="2096653" cy="618836"/>
          </a:xfrm>
          <a:prstGeom prst="roundRect">
            <a:avLst/>
          </a:prstGeom>
          <a:solidFill>
            <a:schemeClr val="bg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Backlog </a:t>
            </a:r>
          </a:p>
        </p:txBody>
      </p:sp>
      <p:sp>
        <p:nvSpPr>
          <p:cNvPr id="32" name="Rounded Rectangle 31">
            <a:extLst>
              <a:ext uri="{FF2B5EF4-FFF2-40B4-BE49-F238E27FC236}">
                <a16:creationId xmlns:a16="http://schemas.microsoft.com/office/drawing/2014/main" id="{D6EF16F7-0ADB-5C1D-6964-C19280DB71E8}"/>
              </a:ext>
            </a:extLst>
          </p:cNvPr>
          <p:cNvSpPr/>
          <p:nvPr/>
        </p:nvSpPr>
        <p:spPr>
          <a:xfrm>
            <a:off x="2888122" y="2417292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Decide on Collaboration Approaches</a:t>
            </a:r>
          </a:p>
        </p:txBody>
      </p:sp>
      <p:sp>
        <p:nvSpPr>
          <p:cNvPr id="34" name="Rounded Rectangle 33">
            <a:extLst>
              <a:ext uri="{FF2B5EF4-FFF2-40B4-BE49-F238E27FC236}">
                <a16:creationId xmlns:a16="http://schemas.microsoft.com/office/drawing/2014/main" id="{676EFE2C-2EE8-8F37-0D7E-1AA4FED8B3E5}"/>
              </a:ext>
            </a:extLst>
          </p:cNvPr>
          <p:cNvSpPr/>
          <p:nvPr/>
        </p:nvSpPr>
        <p:spPr>
          <a:xfrm>
            <a:off x="611086" y="2377656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Review WIP &amp; Plan Future Work</a:t>
            </a:r>
          </a:p>
        </p:txBody>
      </p:sp>
      <p:sp>
        <p:nvSpPr>
          <p:cNvPr id="35" name="Rounded Rectangle 34">
            <a:extLst>
              <a:ext uri="{FF2B5EF4-FFF2-40B4-BE49-F238E27FC236}">
                <a16:creationId xmlns:a16="http://schemas.microsoft.com/office/drawing/2014/main" id="{CE6B114E-C291-2952-4DC9-3D99B819662B}"/>
              </a:ext>
            </a:extLst>
          </p:cNvPr>
          <p:cNvSpPr/>
          <p:nvPr/>
        </p:nvSpPr>
        <p:spPr>
          <a:xfrm>
            <a:off x="611086" y="3357326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Develop Remediation Backlog</a:t>
            </a:r>
          </a:p>
        </p:txBody>
      </p:sp>
      <p:sp>
        <p:nvSpPr>
          <p:cNvPr id="36" name="Rounded Rectangle 35">
            <a:extLst>
              <a:ext uri="{FF2B5EF4-FFF2-40B4-BE49-F238E27FC236}">
                <a16:creationId xmlns:a16="http://schemas.microsoft.com/office/drawing/2014/main" id="{8B936A4D-38BC-5BA5-3A5D-A240234FCE91}"/>
              </a:ext>
            </a:extLst>
          </p:cNvPr>
          <p:cNvSpPr/>
          <p:nvPr/>
        </p:nvSpPr>
        <p:spPr>
          <a:xfrm>
            <a:off x="5161141" y="3382992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ADO imported with EPICS/Features/Stories/ Tasks</a:t>
            </a:r>
          </a:p>
        </p:txBody>
      </p:sp>
      <p:sp>
        <p:nvSpPr>
          <p:cNvPr id="4" name="Rounded Rectangle 3">
            <a:extLst>
              <a:ext uri="{FF2B5EF4-FFF2-40B4-BE49-F238E27FC236}">
                <a16:creationId xmlns:a16="http://schemas.microsoft.com/office/drawing/2014/main" id="{73699C80-1FDA-68B7-A0AC-61BF3CE2F5E2}"/>
              </a:ext>
            </a:extLst>
          </p:cNvPr>
          <p:cNvSpPr/>
          <p:nvPr/>
        </p:nvSpPr>
        <p:spPr>
          <a:xfrm>
            <a:off x="7442194" y="3385204"/>
            <a:ext cx="2096653" cy="748679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dirty="0">
                <a:solidFill>
                  <a:srgbClr val="2A2735"/>
                </a:solidFill>
              </a:rPr>
              <a:t>CPA Onboarding to the project: CommScope tools Access</a:t>
            </a:r>
          </a:p>
        </p:txBody>
      </p:sp>
    </p:spTree>
    <p:extLst>
      <p:ext uri="{BB962C8B-B14F-4D97-AF65-F5344CB8AC3E}">
        <p14:creationId xmlns:p14="http://schemas.microsoft.com/office/powerpoint/2010/main" val="42471824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8D8488C-E15B-B22E-3712-68765862F760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15548" y="1509845"/>
            <a:ext cx="10960904" cy="3612584"/>
          </a:xfrm>
        </p:spPr>
        <p:txBody>
          <a:bodyPr/>
          <a:lstStyle/>
          <a:p>
            <a:pPr marL="350837" indent="-342900">
              <a:buFont typeface="Arial" panose="020B0604020202020204" pitchFamily="34" charset="0"/>
              <a:buChar char="•"/>
            </a:pPr>
            <a:r>
              <a:rPr lang="en-US" dirty="0"/>
              <a:t>Currently scheduled Mon, Tue, Wed, Thu and Fri at 9AM Eastern </a:t>
            </a:r>
          </a:p>
          <a:p>
            <a:pPr marL="350837" indent="-342900">
              <a:buFont typeface="Arial" panose="020B0604020202020204" pitchFamily="34" charset="0"/>
              <a:buChar char="•"/>
            </a:pPr>
            <a:r>
              <a:rPr lang="en-US" dirty="0"/>
              <a:t>Objectives </a:t>
            </a:r>
          </a:p>
          <a:p>
            <a:pPr marL="514350" lvl="1" indent="-342900"/>
            <a:r>
              <a:rPr lang="en-US" dirty="0"/>
              <a:t>Review the ADO Kanban board in order to share and discuss: </a:t>
            </a:r>
          </a:p>
          <a:p>
            <a:pPr marL="738187" lvl="2" indent="-342900"/>
            <a:r>
              <a:rPr lang="en-US" dirty="0"/>
              <a:t>Daily updates and progress</a:t>
            </a:r>
          </a:p>
          <a:p>
            <a:pPr marL="738187" lvl="2" indent="-342900"/>
            <a:r>
              <a:rPr lang="en-US" dirty="0"/>
              <a:t>Next steps and priorities</a:t>
            </a:r>
          </a:p>
          <a:p>
            <a:pPr marL="738187" lvl="2" indent="-342900"/>
            <a:r>
              <a:rPr lang="en-US" dirty="0"/>
              <a:t>New or persistent risks, issues, or blockers</a:t>
            </a:r>
          </a:p>
          <a:p>
            <a:pPr marL="514350" lvl="1" indent="-342900"/>
            <a:r>
              <a:rPr lang="en-US" dirty="0"/>
              <a:t>Things that could be brought up. </a:t>
            </a:r>
          </a:p>
          <a:p>
            <a:pPr marL="738187" lvl="2" indent="-342900"/>
            <a:r>
              <a:rPr lang="en-US" dirty="0"/>
              <a:t>Information/updates from CommScope that could be useful to the team. </a:t>
            </a:r>
          </a:p>
          <a:p>
            <a:pPr marL="738187" lvl="2" indent="-342900"/>
            <a:r>
              <a:rPr lang="en-US" dirty="0"/>
              <a:t>Escalations</a:t>
            </a:r>
          </a:p>
          <a:p>
            <a:pPr marL="738187" lvl="2" indent="-342900"/>
            <a:r>
              <a:rPr lang="en-US" dirty="0"/>
              <a:t>Resourcing requirements/challenges</a:t>
            </a:r>
          </a:p>
          <a:p>
            <a:pPr marL="738187" lvl="2" indent="-342900"/>
            <a:r>
              <a:rPr lang="en-US" dirty="0"/>
              <a:t>Changes in priority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982030F-F784-B0F0-9DF9-933EF36863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9038" y="465533"/>
            <a:ext cx="10960904" cy="428123"/>
          </a:xfrm>
        </p:spPr>
        <p:txBody>
          <a:bodyPr/>
          <a:lstStyle/>
          <a:p>
            <a:r>
              <a:rPr lang="en-US">
                <a:latin typeface="Calibri" panose="020F0502020204030204" pitchFamily="34" charset="0"/>
                <a:ea typeface="Calibri" panose="020F0502020204030204" pitchFamily="34" charset="0"/>
              </a:rPr>
              <a:t>Standup Meeting Overview </a:t>
            </a:r>
          </a:p>
        </p:txBody>
      </p:sp>
    </p:spTree>
    <p:extLst>
      <p:ext uri="{BB962C8B-B14F-4D97-AF65-F5344CB8AC3E}">
        <p14:creationId xmlns:p14="http://schemas.microsoft.com/office/powerpoint/2010/main" val="24149502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6A9D005-363F-4F91-9750-31FC40E8AD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600"/>
              <a:t>Proposed Meeting Schedule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E61C080B-E226-564F-8009-F4F0F0DAB8C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83057629"/>
              </p:ext>
            </p:extLst>
          </p:nvPr>
        </p:nvGraphicFramePr>
        <p:xfrm>
          <a:off x="1069819" y="1365414"/>
          <a:ext cx="9188880" cy="1290868"/>
        </p:xfrm>
        <a:graphic>
          <a:graphicData uri="http://schemas.openxmlformats.org/drawingml/2006/table">
            <a:tbl>
              <a:tblPr firstRow="1" firstCol="1" bandRow="1"/>
              <a:tblGrid>
                <a:gridCol w="1837776">
                  <a:extLst>
                    <a:ext uri="{9D8B030D-6E8A-4147-A177-3AD203B41FA5}">
                      <a16:colId xmlns:a16="http://schemas.microsoft.com/office/drawing/2014/main" val="981657305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72449970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2963317842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3570145367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2163647053"/>
                    </a:ext>
                  </a:extLst>
                </a:gridCol>
              </a:tblGrid>
              <a:tr h="193047"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Monday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C4F6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Tuesday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C4F6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Wednesday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C4F6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Thursday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C4F6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Friday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C4F6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62893854"/>
                  </a:ext>
                </a:extLst>
              </a:tr>
              <a:tr h="1097821"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aily Standup 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30 Minutes)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1" i="0" u="none" strike="noStrike" dirty="0">
                        <a:effectLst/>
                        <a:latin typeface="+mj-lt"/>
                        <a:ea typeface="Arial" panose="020B0604020202020204" pitchFamily="34" charset="0"/>
                        <a:cs typeface="Cordia New" panose="020B0304020202020204" pitchFamily="34" charset="-34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1" i="0" u="none" strike="noStrike" dirty="0">
                        <a:effectLst/>
                        <a:latin typeface="+mj-lt"/>
                        <a:ea typeface="Arial" panose="020B0604020202020204" pitchFamily="34" charset="0"/>
                        <a:cs typeface="Cordia New" panose="020B0304020202020204" pitchFamily="34" charset="-34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apacity Planning??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dirty="0"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(30 minutes)</a:t>
                      </a: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aily Standup 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30 Minutes)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lease Planning??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1 hour)</a:t>
                      </a: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aily Standup 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30 Minutes)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Backlog Refinement??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1 hour)</a:t>
                      </a: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aily Standup 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30 Minutes)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eadership Status Meeting??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1 hour) </a:t>
                      </a: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aily Standup 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30 Minutes)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dirty="0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24417827"/>
                  </a:ext>
                </a:extLst>
              </a:tr>
            </a:tbl>
          </a:graphicData>
        </a:graphic>
      </p:graphicFrame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D50804DD-5511-4960-914B-FA92CA229C9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47658111"/>
              </p:ext>
            </p:extLst>
          </p:nvPr>
        </p:nvGraphicFramePr>
        <p:xfrm>
          <a:off x="2141535" y="3976080"/>
          <a:ext cx="7351104" cy="1290868"/>
        </p:xfrm>
        <a:graphic>
          <a:graphicData uri="http://schemas.openxmlformats.org/drawingml/2006/table">
            <a:tbl>
              <a:tblPr firstRow="1" firstCol="1" bandRow="1"/>
              <a:tblGrid>
                <a:gridCol w="1837776">
                  <a:extLst>
                    <a:ext uri="{9D8B030D-6E8A-4147-A177-3AD203B41FA5}">
                      <a16:colId xmlns:a16="http://schemas.microsoft.com/office/drawing/2014/main" val="981657305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72449970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2963317842"/>
                    </a:ext>
                  </a:extLst>
                </a:gridCol>
                <a:gridCol w="1837776">
                  <a:extLst>
                    <a:ext uri="{9D8B030D-6E8A-4147-A177-3AD203B41FA5}">
                      <a16:colId xmlns:a16="http://schemas.microsoft.com/office/drawing/2014/main" val="3570145367"/>
                    </a:ext>
                  </a:extLst>
                </a:gridCol>
              </a:tblGrid>
              <a:tr h="193047"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Week 1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Week 2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Week 3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600"/>
                        </a:spcBef>
                        <a:spcAft>
                          <a:spcPts val="1200"/>
                        </a:spcAft>
                      </a:pPr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+mj-lt"/>
                          <a:ea typeface="Arial" panose="020B0604020202020204" pitchFamily="34" charset="0"/>
                          <a:cs typeface="Cordia New" panose="020B0304020202020204" pitchFamily="34" charset="-34"/>
                        </a:rPr>
                        <a:t>Week 4</a:t>
                      </a:r>
                      <a:endParaRPr lang="en-US" sz="1700" b="0" i="0" u="none" strike="noStrike">
                        <a:effectLst/>
                        <a:latin typeface="+mj-lt"/>
                      </a:endParaRPr>
                    </a:p>
                  </a:txBody>
                  <a:tcPr marL="64530" marR="64530" marT="8962" marB="0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62893854"/>
                  </a:ext>
                </a:extLst>
              </a:tr>
              <a:tr h="1097821"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>
                        <a:effectLst/>
                        <a:latin typeface="+mj-lt"/>
                        <a:ea typeface="Arial" panose="020B0604020202020204" pitchFamily="34" charset="0"/>
                        <a:cs typeface="Cordia New" panose="020B0304020202020204" pitchFamily="34" charset="-34"/>
                      </a:endParaRP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800" b="0" i="0" u="none" strike="noStrike" kern="120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roject Stakeholder Meeting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1 hour)</a:t>
                      </a: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i="0" u="none" strike="noStrike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yber Steering Committee Meeting</a:t>
                      </a:r>
                    </a:p>
                    <a:p>
                      <a:pPr algn="l" fontAlgn="t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0" i="0" u="none" strike="noStrike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1 hour)</a:t>
                      </a:r>
                    </a:p>
                  </a:txBody>
                  <a:tcPr marL="64530" marR="64530" marT="8962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24417827"/>
                  </a:ext>
                </a:extLst>
              </a:tr>
            </a:tbl>
          </a:graphicData>
        </a:graphic>
      </p:graphicFrame>
      <p:grpSp>
        <p:nvGrpSpPr>
          <p:cNvPr id="13" name="Group 12">
            <a:extLst>
              <a:ext uri="{FF2B5EF4-FFF2-40B4-BE49-F238E27FC236}">
                <a16:creationId xmlns:a16="http://schemas.microsoft.com/office/drawing/2014/main" id="{C7AE0E2A-41BD-4942-8B7F-AB975FCAE402}"/>
              </a:ext>
            </a:extLst>
          </p:cNvPr>
          <p:cNvGrpSpPr/>
          <p:nvPr/>
        </p:nvGrpSpPr>
        <p:grpSpPr>
          <a:xfrm>
            <a:off x="423977" y="2772882"/>
            <a:ext cx="11315606" cy="949832"/>
            <a:chOff x="394170" y="4431683"/>
            <a:chExt cx="11315606" cy="792824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35E70B62-177A-419C-9277-658084895FD0}"/>
                </a:ext>
              </a:extLst>
            </p:cNvPr>
            <p:cNvSpPr/>
            <p:nvPr/>
          </p:nvSpPr>
          <p:spPr>
            <a:xfrm>
              <a:off x="394170" y="4438360"/>
              <a:ext cx="2103120" cy="786147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rgbClr val="3C4F6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r>
                <a:rPr lang="en-US" sz="1400" b="1" dirty="0"/>
                <a:t>Daily Standup</a:t>
              </a:r>
            </a:p>
            <a:p>
              <a:r>
                <a:rPr lang="en-US" sz="1000" u="sng" dirty="0"/>
                <a:t>Attendees:</a:t>
              </a:r>
              <a:r>
                <a:rPr lang="en-US" sz="1000" dirty="0"/>
                <a:t> Core + CPA Team</a:t>
              </a:r>
            </a:p>
            <a:p>
              <a:r>
                <a:rPr lang="en-US" sz="1000" u="sng" dirty="0"/>
                <a:t>Agenda:</a:t>
              </a:r>
              <a:r>
                <a:rPr lang="en-US" sz="1000" dirty="0"/>
                <a:t> Discuss roadblocks, Inhibitors, changes to AC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D5842658-0DA5-45C1-BF52-6F8E976553FF}"/>
                </a:ext>
              </a:extLst>
            </p:cNvPr>
            <p:cNvSpPr/>
            <p:nvPr/>
          </p:nvSpPr>
          <p:spPr>
            <a:xfrm>
              <a:off x="2610466" y="4438358"/>
              <a:ext cx="2103120" cy="78614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rgbClr val="3C4F6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r>
                <a:rPr lang="en-US" sz="1400" b="1"/>
                <a:t>Capacity Planning</a:t>
              </a:r>
            </a:p>
            <a:p>
              <a:r>
                <a:rPr lang="en-US" sz="1000" u="sng"/>
                <a:t>Attendees:</a:t>
              </a:r>
              <a:r>
                <a:rPr lang="en-US" sz="1000"/>
                <a:t> Core Team</a:t>
              </a:r>
            </a:p>
            <a:p>
              <a:r>
                <a:rPr lang="en-US" sz="1000" u="sng"/>
                <a:t>Agenda:</a:t>
              </a:r>
              <a:r>
                <a:rPr lang="en-US" sz="1000"/>
                <a:t> Capture changes in availability, estimates, assign work  category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C98AD9F8-86A3-44DB-959B-BB86F0EE22A3}"/>
                </a:ext>
              </a:extLst>
            </p:cNvPr>
            <p:cNvSpPr/>
            <p:nvPr/>
          </p:nvSpPr>
          <p:spPr>
            <a:xfrm>
              <a:off x="7084142" y="4438357"/>
              <a:ext cx="2255078" cy="78614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rgbClr val="3C4F6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r>
                <a:rPr lang="en-US" sz="1400" b="1"/>
                <a:t>Backlog Refinement</a:t>
              </a:r>
            </a:p>
            <a:p>
              <a:r>
                <a:rPr lang="en-US" sz="1000" u="sng"/>
                <a:t>Attendees:</a:t>
              </a:r>
              <a:r>
                <a:rPr lang="en-US" sz="1000"/>
                <a:t> Core/Governance Team</a:t>
              </a:r>
            </a:p>
            <a:p>
              <a:r>
                <a:rPr lang="en-US" sz="1000" u="sng"/>
                <a:t>Agenda:</a:t>
              </a:r>
              <a:r>
                <a:rPr lang="en-US" sz="1000"/>
                <a:t> Refine stories, estimate effort, resolve dependencies, prioritize work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FC43742F-32CC-4B20-878B-185DB0B65A1A}"/>
                </a:ext>
              </a:extLst>
            </p:cNvPr>
            <p:cNvSpPr/>
            <p:nvPr/>
          </p:nvSpPr>
          <p:spPr>
            <a:xfrm>
              <a:off x="9477518" y="4431683"/>
              <a:ext cx="2232258" cy="792823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rgbClr val="3C4F6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r>
                <a:rPr lang="en-US" sz="1400" b="1"/>
                <a:t>Leadership Status Meeting</a:t>
              </a:r>
            </a:p>
            <a:p>
              <a:r>
                <a:rPr lang="en-US" sz="1000" u="sng"/>
                <a:t>Attendees:</a:t>
              </a:r>
              <a:r>
                <a:rPr lang="en-US" sz="1000"/>
                <a:t> Delivery Team &amp; Leadership</a:t>
              </a:r>
            </a:p>
            <a:p>
              <a:r>
                <a:rPr lang="en-US" sz="1000" u="sng"/>
                <a:t>Agenda:</a:t>
              </a:r>
              <a:r>
                <a:rPr lang="en-US" sz="1000"/>
                <a:t> Status review, challenges, priorities &amp; decisions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AF857B09-D3F7-405B-B184-C52621FB5641}"/>
                </a:ext>
              </a:extLst>
            </p:cNvPr>
            <p:cNvSpPr/>
            <p:nvPr/>
          </p:nvSpPr>
          <p:spPr>
            <a:xfrm>
              <a:off x="4847304" y="4438361"/>
              <a:ext cx="2103120" cy="78614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rgbClr val="3C4F6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r>
                <a:rPr lang="en-US" sz="1400" b="1"/>
                <a:t>Release Planning</a:t>
              </a:r>
            </a:p>
            <a:p>
              <a:r>
                <a:rPr lang="en-US" sz="1000" u="sng"/>
                <a:t>Attendees:</a:t>
              </a:r>
              <a:r>
                <a:rPr lang="en-US" sz="1000"/>
                <a:t> PMO/Governance Team</a:t>
              </a:r>
            </a:p>
            <a:p>
              <a:r>
                <a:rPr lang="en-US" sz="1000" u="sng"/>
                <a:t>Agenda:</a:t>
              </a:r>
              <a:r>
                <a:rPr lang="en-US" sz="1000"/>
                <a:t> Define release goal, prioritize work, set dates, &amp; validate charter</a:t>
              </a:r>
            </a:p>
          </p:txBody>
        </p:sp>
      </p:grpSp>
      <p:sp>
        <p:nvSpPr>
          <p:cNvPr id="14" name="Rectangle 13">
            <a:extLst>
              <a:ext uri="{FF2B5EF4-FFF2-40B4-BE49-F238E27FC236}">
                <a16:creationId xmlns:a16="http://schemas.microsoft.com/office/drawing/2014/main" id="{34FE9897-DE1D-4A49-BD66-BAD69A4036E0}"/>
              </a:ext>
            </a:extLst>
          </p:cNvPr>
          <p:cNvSpPr/>
          <p:nvPr/>
        </p:nvSpPr>
        <p:spPr>
          <a:xfrm>
            <a:off x="3126658" y="5383548"/>
            <a:ext cx="2624337" cy="88089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b="1" dirty="0"/>
              <a:t>Project Stakeholder Meeting</a:t>
            </a:r>
          </a:p>
          <a:p>
            <a:r>
              <a:rPr lang="en-US" sz="1000" u="sng" dirty="0"/>
              <a:t>Attendees:</a:t>
            </a:r>
            <a:r>
              <a:rPr lang="en-US" sz="1000" dirty="0"/>
              <a:t> CommScope &amp; Mandiant  Stakeholders</a:t>
            </a:r>
          </a:p>
          <a:p>
            <a:r>
              <a:rPr lang="en-US" sz="1000" u="sng" dirty="0"/>
              <a:t>Agenda:</a:t>
            </a:r>
            <a:r>
              <a:rPr lang="en-US" sz="1000" dirty="0"/>
              <a:t> Discuss status of Mandiant deliverables as defined in the SOW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7648676-33EC-4F28-8E83-CE483BD5B4F8}"/>
              </a:ext>
            </a:extLst>
          </p:cNvPr>
          <p:cNvSpPr/>
          <p:nvPr/>
        </p:nvSpPr>
        <p:spPr>
          <a:xfrm>
            <a:off x="5903395" y="5383548"/>
            <a:ext cx="2624328" cy="88089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400" b="1" dirty="0"/>
              <a:t>Steering Committee Meeting</a:t>
            </a:r>
          </a:p>
          <a:p>
            <a:r>
              <a:rPr lang="en-US" sz="1000" u="sng" dirty="0"/>
              <a:t>Attendees:</a:t>
            </a:r>
            <a:r>
              <a:rPr lang="en-US" sz="1000" dirty="0"/>
              <a:t> Steering Committee &amp; Leadership</a:t>
            </a:r>
          </a:p>
          <a:p>
            <a:r>
              <a:rPr lang="en-US" sz="1000" u="sng" dirty="0"/>
              <a:t>Agenda:</a:t>
            </a:r>
            <a:r>
              <a:rPr lang="en-US" sz="1000" dirty="0"/>
              <a:t> Discuss status of project relative to project charter definitions</a:t>
            </a:r>
          </a:p>
        </p:txBody>
      </p:sp>
    </p:spTree>
    <p:extLst>
      <p:ext uri="{BB962C8B-B14F-4D97-AF65-F5344CB8AC3E}">
        <p14:creationId xmlns:p14="http://schemas.microsoft.com/office/powerpoint/2010/main" val="4928972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CBE5E3B-6AC4-429E-AAE4-B6E81F68D6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Next Steps</a:t>
            </a:r>
          </a:p>
        </p:txBody>
      </p:sp>
    </p:spTree>
    <p:extLst>
      <p:ext uri="{BB962C8B-B14F-4D97-AF65-F5344CB8AC3E}">
        <p14:creationId xmlns:p14="http://schemas.microsoft.com/office/powerpoint/2010/main" val="124650357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4690387-2EE0-934E-A1FF-93F0903D162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692316" y="3280209"/>
            <a:ext cx="2807368" cy="690880"/>
          </a:xfrm>
        </p:spPr>
        <p:txBody>
          <a:bodyPr/>
          <a:lstStyle/>
          <a:p>
            <a:r>
              <a:rPr lang="en-US"/>
              <a:t>Discussion</a:t>
            </a:r>
          </a:p>
        </p:txBody>
      </p:sp>
    </p:spTree>
    <p:extLst>
      <p:ext uri="{BB962C8B-B14F-4D97-AF65-F5344CB8AC3E}">
        <p14:creationId xmlns:p14="http://schemas.microsoft.com/office/powerpoint/2010/main" val="37600290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6A9D005-363F-4F91-9750-31FC40E8AD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genda</a:t>
            </a:r>
            <a:br>
              <a:rPr lang="en-US"/>
            </a:br>
            <a:endParaRPr lang="en-US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23C3B464-B3C9-3B40-A698-158FD59385F1}"/>
              </a:ext>
            </a:extLst>
          </p:cNvPr>
          <p:cNvGrpSpPr/>
          <p:nvPr/>
        </p:nvGrpSpPr>
        <p:grpSpPr>
          <a:xfrm>
            <a:off x="2504731" y="2866606"/>
            <a:ext cx="128016" cy="586732"/>
            <a:chOff x="1183945" y="2082569"/>
            <a:chExt cx="128016" cy="586732"/>
          </a:xfrm>
        </p:grpSpPr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9C675C09-A672-4A45-A3E2-82A98815A054}"/>
                </a:ext>
              </a:extLst>
            </p:cNvPr>
            <p:cNvSpPr/>
            <p:nvPr/>
          </p:nvSpPr>
          <p:spPr>
            <a:xfrm>
              <a:off x="1183945" y="2539769"/>
              <a:ext cx="128016" cy="129532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15E92074-AD56-F44C-BE75-73C0ABAAEDD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247953" y="2082569"/>
              <a:ext cx="0" cy="457200"/>
            </a:xfrm>
            <a:prstGeom prst="line">
              <a:avLst/>
            </a:prstGeom>
            <a:ln w="952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75CAE2C4-C375-754F-BFEC-F674F015CF20}"/>
              </a:ext>
            </a:extLst>
          </p:cNvPr>
          <p:cNvGrpSpPr/>
          <p:nvPr/>
        </p:nvGrpSpPr>
        <p:grpSpPr>
          <a:xfrm>
            <a:off x="4126491" y="3334832"/>
            <a:ext cx="128016" cy="540466"/>
            <a:chOff x="2632579" y="2550795"/>
            <a:chExt cx="128016" cy="540466"/>
          </a:xfrm>
        </p:grpSpPr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2C32AF2C-6CC0-2E46-811A-09063F96B8AC}"/>
                </a:ext>
              </a:extLst>
            </p:cNvPr>
            <p:cNvSpPr/>
            <p:nvPr/>
          </p:nvSpPr>
          <p:spPr>
            <a:xfrm>
              <a:off x="2632579" y="2550795"/>
              <a:ext cx="128016" cy="129532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14A4178E-7A24-4747-AE66-820F7F40F6D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689461" y="2634061"/>
              <a:ext cx="0" cy="457200"/>
            </a:xfrm>
            <a:prstGeom prst="line">
              <a:avLst/>
            </a:prstGeom>
            <a:ln w="952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34B0D1DE-F6E5-D241-9244-EA452CA1F7C1}"/>
              </a:ext>
            </a:extLst>
          </p:cNvPr>
          <p:cNvSpPr/>
          <p:nvPr/>
        </p:nvSpPr>
        <p:spPr>
          <a:xfrm>
            <a:off x="1892057" y="3530727"/>
            <a:ext cx="1485017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1100">
                <a:solidFill>
                  <a:schemeClr val="tx2">
                    <a:lumMod val="75000"/>
                  </a:schemeClr>
                </a:solidFill>
                <a:latin typeface="Century Gothic" panose="020B0502020202020204" pitchFamily="34" charset="0"/>
              </a:rPr>
              <a:t>Introductions</a:t>
            </a:r>
            <a:endParaRPr lang="en-US" sz="1100">
              <a:solidFill>
                <a:schemeClr val="tx2">
                  <a:lumMod val="75000"/>
                </a:schemeClr>
              </a:solidFill>
              <a:latin typeface="Century Gothic" panose="020B0502020202020204" pitchFamily="34" charset="0"/>
            </a:endParaRPr>
          </a:p>
        </p:txBody>
      </p:sp>
      <p:pic>
        <p:nvPicPr>
          <p:cNvPr id="13" name="Graphic 12" descr="Bullseye">
            <a:extLst>
              <a:ext uri="{FF2B5EF4-FFF2-40B4-BE49-F238E27FC236}">
                <a16:creationId xmlns:a16="http://schemas.microsoft.com/office/drawing/2014/main" id="{257A8612-AE12-E04D-B426-B77E414AF94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85859" y="2483290"/>
            <a:ext cx="365760" cy="365760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75E6CF55-DD86-8A4C-B281-F11F3C65573C}"/>
              </a:ext>
            </a:extLst>
          </p:cNvPr>
          <p:cNvGrpSpPr/>
          <p:nvPr/>
        </p:nvGrpSpPr>
        <p:grpSpPr>
          <a:xfrm>
            <a:off x="5872219" y="2879119"/>
            <a:ext cx="128016" cy="586732"/>
            <a:chOff x="3960559" y="2095082"/>
            <a:chExt cx="128016" cy="586732"/>
          </a:xfrm>
        </p:grpSpPr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5D409B1A-C054-DF49-BFB7-E2B0762F547E}"/>
                </a:ext>
              </a:extLst>
            </p:cNvPr>
            <p:cNvSpPr/>
            <p:nvPr/>
          </p:nvSpPr>
          <p:spPr>
            <a:xfrm>
              <a:off x="3960559" y="2552282"/>
              <a:ext cx="128016" cy="129532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0E69FD64-DFFB-0043-AD71-6F103B9E5F3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024567" y="2095082"/>
              <a:ext cx="0" cy="457200"/>
            </a:xfrm>
            <a:prstGeom prst="line">
              <a:avLst/>
            </a:prstGeom>
            <a:ln w="952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7" name="Rectangle 16">
            <a:extLst>
              <a:ext uri="{FF2B5EF4-FFF2-40B4-BE49-F238E27FC236}">
                <a16:creationId xmlns:a16="http://schemas.microsoft.com/office/drawing/2014/main" id="{F6FEFA8C-198D-EF4B-97BD-1012B993D3D7}"/>
              </a:ext>
            </a:extLst>
          </p:cNvPr>
          <p:cNvSpPr/>
          <p:nvPr/>
        </p:nvSpPr>
        <p:spPr>
          <a:xfrm>
            <a:off x="3491320" y="2839122"/>
            <a:ext cx="1485021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1100">
                <a:solidFill>
                  <a:schemeClr val="tx2">
                    <a:lumMod val="75000"/>
                  </a:schemeClr>
                </a:solidFill>
                <a:latin typeface="Century Gothic" panose="020B0502020202020204" pitchFamily="34" charset="0"/>
              </a:rPr>
              <a:t>Engagement scope &amp; approach</a:t>
            </a:r>
            <a:endParaRPr lang="en-US" sz="1100">
              <a:solidFill>
                <a:schemeClr val="tx2">
                  <a:lumMod val="75000"/>
                </a:schemeClr>
              </a:solidFill>
              <a:latin typeface="Century Gothic" panose="020B0502020202020204" pitchFamily="34" charset="0"/>
            </a:endParaRP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72AF7F2C-938E-254C-B4B8-74C9FD41A0BB}"/>
              </a:ext>
            </a:extLst>
          </p:cNvPr>
          <p:cNvGrpSpPr/>
          <p:nvPr/>
        </p:nvGrpSpPr>
        <p:grpSpPr>
          <a:xfrm>
            <a:off x="7528793" y="3343641"/>
            <a:ext cx="128016" cy="540466"/>
            <a:chOff x="5571034" y="2559604"/>
            <a:chExt cx="128016" cy="540466"/>
          </a:xfrm>
        </p:grpSpPr>
        <p:sp>
          <p:nvSpPr>
            <p:cNvPr id="19" name="Oval 18">
              <a:extLst>
                <a:ext uri="{FF2B5EF4-FFF2-40B4-BE49-F238E27FC236}">
                  <a16:creationId xmlns:a16="http://schemas.microsoft.com/office/drawing/2014/main" id="{0965E046-6F05-5742-9B38-E060B36D7B59}"/>
                </a:ext>
              </a:extLst>
            </p:cNvPr>
            <p:cNvSpPr/>
            <p:nvPr/>
          </p:nvSpPr>
          <p:spPr>
            <a:xfrm>
              <a:off x="5571034" y="2559604"/>
              <a:ext cx="128016" cy="129532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7E372C67-7311-DE49-B87A-37859783D93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27916" y="2642870"/>
              <a:ext cx="0" cy="457200"/>
            </a:xfrm>
            <a:prstGeom prst="line">
              <a:avLst/>
            </a:prstGeom>
            <a:ln w="952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1" name="Rectangle 20">
            <a:extLst>
              <a:ext uri="{FF2B5EF4-FFF2-40B4-BE49-F238E27FC236}">
                <a16:creationId xmlns:a16="http://schemas.microsoft.com/office/drawing/2014/main" id="{C4AA6F67-761A-4240-BA65-0195107D442A}"/>
              </a:ext>
            </a:extLst>
          </p:cNvPr>
          <p:cNvSpPr/>
          <p:nvPr/>
        </p:nvSpPr>
        <p:spPr>
          <a:xfrm>
            <a:off x="5233453" y="3485492"/>
            <a:ext cx="1485021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1100">
                <a:solidFill>
                  <a:schemeClr val="tx2">
                    <a:lumMod val="75000"/>
                  </a:schemeClr>
                </a:solidFill>
                <a:latin typeface="Century Gothic" panose="020B0502020202020204" pitchFamily="34" charset="0"/>
              </a:rPr>
              <a:t>Collaboration requirements</a:t>
            </a:r>
            <a:endParaRPr lang="en-US" sz="1100">
              <a:solidFill>
                <a:schemeClr val="tx2">
                  <a:lumMod val="75000"/>
                </a:schemeClr>
              </a:solidFill>
              <a:latin typeface="Century Gothic" panose="020B0502020202020204" pitchFamily="34" charset="0"/>
            </a:endParaRP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280F8C56-95D2-324D-8973-5523DA3AA5D8}"/>
              </a:ext>
            </a:extLst>
          </p:cNvPr>
          <p:cNvGrpSpPr/>
          <p:nvPr/>
        </p:nvGrpSpPr>
        <p:grpSpPr>
          <a:xfrm>
            <a:off x="9166214" y="2887021"/>
            <a:ext cx="128016" cy="586732"/>
            <a:chOff x="6542301" y="2102984"/>
            <a:chExt cx="128016" cy="586732"/>
          </a:xfrm>
        </p:grpSpPr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C532E8B3-E532-AD4B-94D9-AAB810BBED76}"/>
                </a:ext>
              </a:extLst>
            </p:cNvPr>
            <p:cNvSpPr/>
            <p:nvPr/>
          </p:nvSpPr>
          <p:spPr>
            <a:xfrm>
              <a:off x="6542301" y="2560184"/>
              <a:ext cx="128016" cy="129532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EBE2B5D1-12CA-3046-9BA3-51F03888D47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606309" y="2102984"/>
              <a:ext cx="0" cy="457200"/>
            </a:xfrm>
            <a:prstGeom prst="line">
              <a:avLst/>
            </a:prstGeom>
            <a:ln w="9525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5" name="Graphic 24" descr="Circles with lines">
            <a:extLst>
              <a:ext uri="{FF2B5EF4-FFF2-40B4-BE49-F238E27FC236}">
                <a16:creationId xmlns:a16="http://schemas.microsoft.com/office/drawing/2014/main" id="{6ED553CE-E016-7641-974A-B9505A36BB9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000493" y="3887972"/>
            <a:ext cx="365760" cy="365760"/>
          </a:xfrm>
          <a:prstGeom prst="rect">
            <a:avLst/>
          </a:prstGeom>
        </p:spPr>
      </p:pic>
      <p:pic>
        <p:nvPicPr>
          <p:cNvPr id="26" name="Graphic 25" descr="Daily calendar">
            <a:extLst>
              <a:ext uri="{FF2B5EF4-FFF2-40B4-BE49-F238E27FC236}">
                <a16:creationId xmlns:a16="http://schemas.microsoft.com/office/drawing/2014/main" id="{63C789B1-7A37-314A-8EC2-02F02A982C3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047165" y="2460207"/>
            <a:ext cx="366114" cy="36611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D5C51C70-676E-8E4B-9863-8E4C5B699D9C}"/>
              </a:ext>
            </a:extLst>
          </p:cNvPr>
          <p:cNvSpPr txBox="1"/>
          <p:nvPr/>
        </p:nvSpPr>
        <p:spPr>
          <a:xfrm>
            <a:off x="11823826" y="6572816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err="1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A20CEF2-E3DA-CE4C-AAB3-2AC537CF7A51}"/>
              </a:ext>
            </a:extLst>
          </p:cNvPr>
          <p:cNvSpPr txBox="1"/>
          <p:nvPr/>
        </p:nvSpPr>
        <p:spPr>
          <a:xfrm>
            <a:off x="11850986" y="6500388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err="1"/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41EFB52B-47C6-4332-AA0E-311B4CD64668}"/>
              </a:ext>
            </a:extLst>
          </p:cNvPr>
          <p:cNvCxnSpPr/>
          <p:nvPr/>
        </p:nvCxnSpPr>
        <p:spPr>
          <a:xfrm flipV="1">
            <a:off x="1579418" y="3404244"/>
            <a:ext cx="8846127" cy="8809"/>
          </a:xfrm>
          <a:prstGeom prst="line">
            <a:avLst/>
          </a:prstGeom>
          <a:ln w="12700">
            <a:solidFill>
              <a:schemeClr val="tx1"/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Graphic 30">
            <a:extLst>
              <a:ext uri="{FF2B5EF4-FFF2-40B4-BE49-F238E27FC236}">
                <a16:creationId xmlns:a16="http://schemas.microsoft.com/office/drawing/2014/main" id="{B711B80F-636A-4FF3-811F-926341CED3C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807422" y="2521715"/>
            <a:ext cx="257609" cy="257609"/>
          </a:xfrm>
          <a:prstGeom prst="rect">
            <a:avLst/>
          </a:prstGeom>
        </p:spPr>
      </p:pic>
      <p:sp>
        <p:nvSpPr>
          <p:cNvPr id="32" name="Rectangle 31">
            <a:extLst>
              <a:ext uri="{FF2B5EF4-FFF2-40B4-BE49-F238E27FC236}">
                <a16:creationId xmlns:a16="http://schemas.microsoft.com/office/drawing/2014/main" id="{CF6A01FA-E206-4D7B-8165-67F03C2098D3}"/>
              </a:ext>
            </a:extLst>
          </p:cNvPr>
          <p:cNvSpPr/>
          <p:nvPr/>
        </p:nvSpPr>
        <p:spPr>
          <a:xfrm>
            <a:off x="6875437" y="2871352"/>
            <a:ext cx="1485021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1100">
                <a:solidFill>
                  <a:schemeClr val="tx2">
                    <a:lumMod val="75000"/>
                  </a:schemeClr>
                </a:solidFill>
                <a:latin typeface="Century Gothic" panose="020B0502020202020204" pitchFamily="34" charset="0"/>
              </a:rPr>
              <a:t>Principals and rules of engagement</a:t>
            </a:r>
            <a:endParaRPr lang="en-US" sz="1100">
              <a:solidFill>
                <a:schemeClr val="tx2">
                  <a:lumMod val="7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7DCB5444-1724-482F-B553-0981F9DB0D71}"/>
              </a:ext>
            </a:extLst>
          </p:cNvPr>
          <p:cNvSpPr/>
          <p:nvPr/>
        </p:nvSpPr>
        <p:spPr>
          <a:xfrm>
            <a:off x="8487711" y="3515058"/>
            <a:ext cx="1485021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CA" sz="1100">
                <a:solidFill>
                  <a:schemeClr val="tx2">
                    <a:lumMod val="75000"/>
                  </a:schemeClr>
                </a:solidFill>
                <a:latin typeface="Century Gothic" panose="020B0502020202020204" pitchFamily="34" charset="0"/>
              </a:rPr>
              <a:t>Next steps</a:t>
            </a:r>
            <a:endParaRPr lang="en-US" sz="1100">
              <a:solidFill>
                <a:schemeClr val="tx2">
                  <a:lumMod val="75000"/>
                </a:schemeClr>
              </a:solidFill>
              <a:latin typeface="Century Gothic" panose="020B0502020202020204" pitchFamily="34" charset="0"/>
            </a:endParaRPr>
          </a:p>
        </p:txBody>
      </p:sp>
      <p:pic>
        <p:nvPicPr>
          <p:cNvPr id="37" name="Graphic 36">
            <a:extLst>
              <a:ext uri="{FF2B5EF4-FFF2-40B4-BE49-F238E27FC236}">
                <a16:creationId xmlns:a16="http://schemas.microsoft.com/office/drawing/2014/main" id="{5ECAB72E-7B7A-409E-9D0F-7A759473586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424254" y="3978222"/>
            <a:ext cx="322842" cy="322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441416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855304BC-2F52-4296-A97C-BDC9FE438B7A}"/>
              </a:ext>
            </a:extLst>
          </p:cNvPr>
          <p:cNvCxnSpPr>
            <a:cxnSpLocks/>
            <a:stCxn id="7" idx="2"/>
            <a:endCxn id="16" idx="0"/>
          </p:cNvCxnSpPr>
          <p:nvPr/>
        </p:nvCxnSpPr>
        <p:spPr bwMode="auto">
          <a:xfrm flipH="1">
            <a:off x="3825684" y="2757733"/>
            <a:ext cx="1" cy="160930"/>
          </a:xfrm>
          <a:prstGeom prst="line">
            <a:avLst/>
          </a:prstGeom>
          <a:solidFill>
            <a:schemeClr val="bg1"/>
          </a:solidFill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</p:cxnSp>
      <p:sp>
        <p:nvSpPr>
          <p:cNvPr id="7" name="Rectangle 9">
            <a:extLst>
              <a:ext uri="{FF2B5EF4-FFF2-40B4-BE49-F238E27FC236}">
                <a16:creationId xmlns:a16="http://schemas.microsoft.com/office/drawing/2014/main" id="{B0DD10F3-AAA5-4AED-9E09-636006F304AA}"/>
              </a:ext>
            </a:extLst>
          </p:cNvPr>
          <p:cNvSpPr>
            <a:spLocks noChangeArrowheads="1"/>
          </p:cNvSpPr>
          <p:nvPr/>
        </p:nvSpPr>
        <p:spPr bwMode="gray">
          <a:xfrm>
            <a:off x="2850883" y="2202053"/>
            <a:ext cx="1949603" cy="555680"/>
          </a:xfrm>
          <a:prstGeom prst="rect">
            <a:avLst/>
          </a:prstGeom>
          <a:noFill/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lIns="0" tIns="0" rIns="0" bIns="0" anchor="ctr" anchorCtr="0"/>
          <a:lstStyle/>
          <a:p>
            <a:pPr marL="6350" marR="0" lvl="0" indent="-63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buClrTx/>
              <a:buSzPct val="80000"/>
              <a:buFontTx/>
              <a:buNone/>
              <a:tabLst/>
              <a:defRPr/>
            </a:pPr>
            <a:endParaRPr kumimoji="0" lang="en-US" sz="900" b="0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35832AD-3940-479A-A52B-9F77ABA370DE}"/>
              </a:ext>
            </a:extLst>
          </p:cNvPr>
          <p:cNvSpPr/>
          <p:nvPr/>
        </p:nvSpPr>
        <p:spPr>
          <a:xfrm>
            <a:off x="3126468" y="2084020"/>
            <a:ext cx="1519460" cy="253916"/>
          </a:xfrm>
          <a:prstGeom prst="rect">
            <a:avLst/>
          </a:prstGeom>
          <a:solidFill>
            <a:srgbClr val="F6F9FC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Tx/>
              <a:buNone/>
              <a:tabLst/>
              <a:defRPr/>
            </a:pPr>
            <a:r>
              <a:rPr kumimoji="0" lang="en-US" sz="105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rPr>
              <a:t>ENGAGEMENT LEAD</a:t>
            </a:r>
          </a:p>
        </p:txBody>
      </p:sp>
      <p:sp>
        <p:nvSpPr>
          <p:cNvPr id="9" name="Rectangle 11">
            <a:extLst>
              <a:ext uri="{FF2B5EF4-FFF2-40B4-BE49-F238E27FC236}">
                <a16:creationId xmlns:a16="http://schemas.microsoft.com/office/drawing/2014/main" id="{1BD0A57F-78C9-423C-8535-30DBDB3882E6}"/>
              </a:ext>
            </a:extLst>
          </p:cNvPr>
          <p:cNvSpPr>
            <a:spLocks noChangeArrowheads="1"/>
          </p:cNvSpPr>
          <p:nvPr/>
        </p:nvSpPr>
        <p:spPr bwMode="auto">
          <a:xfrm>
            <a:off x="2796988" y="5457628"/>
            <a:ext cx="2057393" cy="365557"/>
          </a:xfrm>
          <a:prstGeom prst="rect">
            <a:avLst/>
          </a:prstGeom>
          <a:noFill/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lIns="0" tIns="0" rIns="0" bIns="0" anchor="ctr" anchorCtr="0"/>
          <a:lstStyle/>
          <a:p>
            <a:pPr marL="6350" marR="0" lvl="0" indent="-63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Tx/>
              <a:buNone/>
              <a:tabLst/>
              <a:defRPr/>
            </a:pPr>
            <a:r>
              <a:rPr kumimoji="0" lang="en-US" sz="105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rPr>
              <a:t>As needed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14CDB476-CAA8-420C-8022-5266D2D14288}"/>
              </a:ext>
            </a:extLst>
          </p:cNvPr>
          <p:cNvSpPr>
            <a:spLocks noChangeArrowheads="1"/>
          </p:cNvSpPr>
          <p:nvPr/>
        </p:nvSpPr>
        <p:spPr bwMode="gray">
          <a:xfrm>
            <a:off x="3002724" y="5342567"/>
            <a:ext cx="1645920" cy="228600"/>
          </a:xfrm>
          <a:prstGeom prst="rect">
            <a:avLst/>
          </a:prstGeom>
          <a:solidFill>
            <a:srgbClr val="FAFBFE"/>
          </a:solidFill>
          <a:ln w="12700" algn="ctr">
            <a:noFill/>
            <a:miter lim="800000"/>
            <a:headEnd/>
            <a:tailEnd/>
          </a:ln>
        </p:spPr>
        <p:txBody>
          <a:bodyPr wrap="none" tIns="91440" bIns="9144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85000"/>
              <a:buFont typeface="Marlett" pitchFamily="2" charset="2"/>
              <a:buNone/>
              <a:tabLst/>
              <a:defRPr/>
            </a:pPr>
            <a:r>
              <a:rPr kumimoji="0" lang="en-US" sz="105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rPr>
              <a:t>SUBJECT MATTER EXPERTS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0FF2E4EB-F38D-43A9-B47E-31C460340BE0}"/>
              </a:ext>
            </a:extLst>
          </p:cNvPr>
          <p:cNvGrpSpPr/>
          <p:nvPr/>
        </p:nvGrpSpPr>
        <p:grpSpPr>
          <a:xfrm>
            <a:off x="2850882" y="3080744"/>
            <a:ext cx="1949603" cy="666919"/>
            <a:chOff x="4242774" y="2912809"/>
            <a:chExt cx="1703790" cy="693538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BBC8A840-D17D-4A3C-9D50-9E43B275AC31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4242774" y="3081358"/>
              <a:ext cx="1703790" cy="524989"/>
            </a:xfrm>
            <a:prstGeom prst="rect">
              <a:avLst/>
            </a:prstGeom>
            <a:noFill/>
            <a:ln w="9525" algn="ctr">
              <a:solidFill>
                <a:schemeClr val="tx1"/>
              </a:solidFill>
              <a:miter lim="800000"/>
              <a:headEnd/>
              <a:tailEnd/>
            </a:ln>
            <a:effectLst/>
          </p:spPr>
          <p:txBody>
            <a:bodyPr lIns="0" tIns="0" rIns="0" bIns="0" anchor="ctr" anchorCtr="0"/>
            <a:lstStyle/>
            <a:p>
              <a:pPr marL="6350" marR="0" lvl="0" indent="-635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buClrTx/>
                <a:buSzPct val="80000"/>
                <a:buFontTx/>
                <a:buNone/>
                <a:tabLst/>
                <a:defRPr/>
              </a:pPr>
              <a:endParaRPr kumimoji="0" lang="en-US" sz="9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13" name="Text Box 6">
              <a:extLst>
                <a:ext uri="{FF2B5EF4-FFF2-40B4-BE49-F238E27FC236}">
                  <a16:creationId xmlns:a16="http://schemas.microsoft.com/office/drawing/2014/main" id="{6CFDB9B6-C74F-4AD1-9BE6-AC6A26F1EEA4}"/>
                </a:ext>
              </a:extLst>
            </p:cNvPr>
            <p:cNvSpPr txBox="1">
              <a:spLocks noChangeArrowheads="1"/>
            </p:cNvSpPr>
            <p:nvPr/>
          </p:nvSpPr>
          <p:spPr bwMode="gray">
            <a:xfrm>
              <a:off x="4419935" y="2912809"/>
              <a:ext cx="1354901" cy="171750"/>
            </a:xfrm>
            <a:prstGeom prst="rect">
              <a:avLst/>
            </a:prstGeom>
            <a:solidFill>
              <a:srgbClr val="F6F9FC"/>
            </a:solidFill>
            <a:ln w="12700" algn="ctr">
              <a:noFill/>
              <a:miter lim="800000"/>
              <a:headEnd/>
              <a:tailEnd/>
            </a:ln>
          </p:spPr>
          <p:txBody>
            <a:bodyPr lIns="73152" tIns="73152" rIns="73152" bIns="73152" anchor="ctr" anchorCtr="1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5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ea typeface="+mn-ea"/>
                  <a:cs typeface="+mn-cs"/>
                </a:rPr>
                <a:t>PROJECT MANAGEMENT</a:t>
              </a:r>
            </a:p>
          </p:txBody>
        </p:sp>
      </p:grp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A4116EF-918D-49A2-A3F5-8DB926A850B9}"/>
              </a:ext>
            </a:extLst>
          </p:cNvPr>
          <p:cNvCxnSpPr>
            <a:cxnSpLocks/>
            <a:stCxn id="16" idx="2"/>
            <a:endCxn id="10" idx="0"/>
          </p:cNvCxnSpPr>
          <p:nvPr/>
        </p:nvCxnSpPr>
        <p:spPr bwMode="auto">
          <a:xfrm>
            <a:off x="3825684" y="5342567"/>
            <a:ext cx="0" cy="0"/>
          </a:xfrm>
          <a:prstGeom prst="line">
            <a:avLst/>
          </a:prstGeom>
          <a:solidFill>
            <a:schemeClr val="bg1"/>
          </a:solidFill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2A9CE3CB-1766-45E0-96E1-F739E4877A0A}"/>
              </a:ext>
            </a:extLst>
          </p:cNvPr>
          <p:cNvSpPr>
            <a:spLocks noChangeArrowheads="1"/>
          </p:cNvSpPr>
          <p:nvPr/>
        </p:nvSpPr>
        <p:spPr bwMode="gray">
          <a:xfrm>
            <a:off x="1180033" y="3955451"/>
            <a:ext cx="2301520" cy="1135095"/>
          </a:xfrm>
          <a:prstGeom prst="rect">
            <a:avLst/>
          </a:prstGeom>
          <a:noFill/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lIns="0" tIns="0" rIns="0" bIns="0" anchor="ctr" anchorCtr="0"/>
          <a:lstStyle/>
          <a:p>
            <a:pPr marL="6350" marR="0" lvl="0" indent="-63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Tx/>
              <a:buNone/>
              <a:tabLst/>
              <a:defRPr/>
            </a:pPr>
            <a:r>
              <a:rPr kumimoji="0" lang="en-US" sz="105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rPr>
              <a:t>GOVERNANCE TEAM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D09F0B4-050B-42C2-B610-539F982A8429}"/>
              </a:ext>
            </a:extLst>
          </p:cNvPr>
          <p:cNvSpPr/>
          <p:nvPr/>
        </p:nvSpPr>
        <p:spPr bwMode="auto">
          <a:xfrm>
            <a:off x="830262" y="2918663"/>
            <a:ext cx="5990844" cy="2423904"/>
          </a:xfrm>
          <a:prstGeom prst="rect">
            <a:avLst/>
          </a:prstGeom>
          <a:noFill/>
          <a:ln w="317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45720" tIns="45720" rIns="4572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0" fontAlgn="base" latinLnBrk="0" hangingPunct="0">
              <a:lnSpc>
                <a:spcPct val="106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F96248BE-EF7F-4E76-9FA4-2F7EE4DF7622}"/>
              </a:ext>
            </a:extLst>
          </p:cNvPr>
          <p:cNvSpPr>
            <a:spLocks noChangeArrowheads="1"/>
          </p:cNvSpPr>
          <p:nvPr/>
        </p:nvSpPr>
        <p:spPr bwMode="gray">
          <a:xfrm>
            <a:off x="4119012" y="3955453"/>
            <a:ext cx="2301520" cy="1135096"/>
          </a:xfrm>
          <a:prstGeom prst="rect">
            <a:avLst/>
          </a:prstGeom>
          <a:noFill/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lIns="0" tIns="0" rIns="0" bIns="0" anchor="ctr" anchorCtr="0"/>
          <a:lstStyle/>
          <a:p>
            <a:pPr marL="6350" marR="0" lvl="0" indent="-635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300"/>
              </a:spcAft>
              <a:buClrTx/>
              <a:buSzPct val="80000"/>
              <a:buFontTx/>
              <a:buNone/>
              <a:tabLst/>
              <a:defRPr/>
            </a:pPr>
            <a:r>
              <a:rPr lang="en-US" sz="1050" b="1" dirty="0">
                <a:solidFill>
                  <a:srgbClr val="000000"/>
                </a:solidFill>
              </a:rPr>
              <a:t>CYBER DEFENSE AND ARCHITECTURE</a:t>
            </a:r>
            <a:r>
              <a:rPr kumimoji="0" lang="en-US" sz="105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rPr>
              <a:t> TEAM</a:t>
            </a:r>
          </a:p>
        </p:txBody>
      </p:sp>
      <p:cxnSp>
        <p:nvCxnSpPr>
          <p:cNvPr id="18" name="Elbow Connector 118">
            <a:extLst>
              <a:ext uri="{FF2B5EF4-FFF2-40B4-BE49-F238E27FC236}">
                <a16:creationId xmlns:a16="http://schemas.microsoft.com/office/drawing/2014/main" id="{11591598-F815-4BD6-97F8-EED130C673ED}"/>
              </a:ext>
            </a:extLst>
          </p:cNvPr>
          <p:cNvCxnSpPr>
            <a:cxnSpLocks/>
            <a:stCxn id="12" idx="2"/>
            <a:endCxn id="15" idx="0"/>
          </p:cNvCxnSpPr>
          <p:nvPr/>
        </p:nvCxnSpPr>
        <p:spPr>
          <a:xfrm rot="5400000">
            <a:off x="2974345" y="3104112"/>
            <a:ext cx="207788" cy="1494891"/>
          </a:xfrm>
          <a:prstGeom prst="bentConnector3">
            <a:avLst>
              <a:gd name="adj1" fmla="val 50000"/>
            </a:avLst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19">
            <a:extLst>
              <a:ext uri="{FF2B5EF4-FFF2-40B4-BE49-F238E27FC236}">
                <a16:creationId xmlns:a16="http://schemas.microsoft.com/office/drawing/2014/main" id="{8589EA0E-D9C0-47D3-A3CE-DEEB47F13D02}"/>
              </a:ext>
            </a:extLst>
          </p:cNvPr>
          <p:cNvCxnSpPr>
            <a:cxnSpLocks/>
            <a:stCxn id="12" idx="2"/>
            <a:endCxn id="17" idx="0"/>
          </p:cNvCxnSpPr>
          <p:nvPr/>
        </p:nvCxnSpPr>
        <p:spPr>
          <a:xfrm rot="16200000" flipH="1">
            <a:off x="4443833" y="3129514"/>
            <a:ext cx="207790" cy="1444088"/>
          </a:xfrm>
          <a:prstGeom prst="bentConnector3">
            <a:avLst>
              <a:gd name="adj1" fmla="val 50000"/>
            </a:avLst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03D4D7EE-7093-4B12-9DA1-37ED48833393}"/>
              </a:ext>
            </a:extLst>
          </p:cNvPr>
          <p:cNvSpPr txBox="1"/>
          <p:nvPr/>
        </p:nvSpPr>
        <p:spPr>
          <a:xfrm>
            <a:off x="2803594" y="1801059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err="1"/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4871A526-B665-4DCC-AC21-F0D2E6064A94}"/>
              </a:ext>
            </a:extLst>
          </p:cNvPr>
          <p:cNvCxnSpPr>
            <a:cxnSpLocks/>
            <a:stCxn id="22" idx="2"/>
          </p:cNvCxnSpPr>
          <p:nvPr/>
        </p:nvCxnSpPr>
        <p:spPr bwMode="auto">
          <a:xfrm flipH="1">
            <a:off x="3823526" y="1978145"/>
            <a:ext cx="1" cy="160930"/>
          </a:xfrm>
          <a:prstGeom prst="line">
            <a:avLst/>
          </a:prstGeom>
          <a:solidFill>
            <a:schemeClr val="bg1"/>
          </a:solidFill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</p:cxnSp>
      <p:sp>
        <p:nvSpPr>
          <p:cNvPr id="22" name="Rectangle 9">
            <a:extLst>
              <a:ext uri="{FF2B5EF4-FFF2-40B4-BE49-F238E27FC236}">
                <a16:creationId xmlns:a16="http://schemas.microsoft.com/office/drawing/2014/main" id="{DAFAC6B5-8FEA-4303-8AE9-E00EB555B0E6}"/>
              </a:ext>
            </a:extLst>
          </p:cNvPr>
          <p:cNvSpPr>
            <a:spLocks noChangeArrowheads="1"/>
          </p:cNvSpPr>
          <p:nvPr/>
        </p:nvSpPr>
        <p:spPr bwMode="gray">
          <a:xfrm>
            <a:off x="2848725" y="1422465"/>
            <a:ext cx="1949603" cy="555680"/>
          </a:xfrm>
          <a:prstGeom prst="rect">
            <a:avLst/>
          </a:prstGeom>
          <a:noFill/>
          <a:ln w="9525" algn="ctr">
            <a:solidFill>
              <a:schemeClr val="tx1"/>
            </a:solidFill>
            <a:miter lim="800000"/>
            <a:headEnd/>
            <a:tailEnd/>
          </a:ln>
          <a:effectLst/>
        </p:spPr>
        <p:txBody>
          <a:bodyPr lIns="0" tIns="0" rIns="0" bIns="0" anchor="ctr" anchorCtr="0"/>
          <a:lstStyle/>
          <a:p>
            <a:pPr marL="6350" marR="0" lvl="0" indent="-63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buClrTx/>
              <a:buSzPct val="80000"/>
              <a:buFontTx/>
              <a:buNone/>
              <a:tabLst/>
              <a:defRPr/>
            </a:pPr>
            <a:endParaRPr kumimoji="0" lang="en-US" sz="900" b="0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C80CA81-5549-4716-81BA-B606A5C10B59}"/>
              </a:ext>
            </a:extLst>
          </p:cNvPr>
          <p:cNvSpPr/>
          <p:nvPr/>
        </p:nvSpPr>
        <p:spPr>
          <a:xfrm>
            <a:off x="2944811" y="1304432"/>
            <a:ext cx="1762422" cy="253916"/>
          </a:xfrm>
          <a:prstGeom prst="rect">
            <a:avLst/>
          </a:prstGeom>
          <a:solidFill>
            <a:srgbClr val="F6F9FC"/>
          </a:solidFill>
          <a:ln>
            <a:noFill/>
          </a:ln>
        </p:spPr>
        <p:txBody>
          <a:bodyPr wrap="square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Tx/>
              <a:buNone/>
              <a:tabLst/>
              <a:defRPr/>
            </a:pPr>
            <a:r>
              <a:rPr kumimoji="0" lang="en-US" sz="105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ea typeface="+mn-ea"/>
                <a:cs typeface="+mn-cs"/>
              </a:rPr>
              <a:t>ENGAGEMENT </a:t>
            </a:r>
            <a:r>
              <a:rPr lang="en-US" sz="1050" b="1">
                <a:solidFill>
                  <a:srgbClr val="000000"/>
                </a:solidFill>
              </a:rPr>
              <a:t>OVERSIGHT</a:t>
            </a:r>
            <a:endParaRPr kumimoji="0" lang="en-US" sz="105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FEAA6CC3-4114-4453-AB44-7D579986DC3D}"/>
              </a:ext>
            </a:extLst>
          </p:cNvPr>
          <p:cNvSpPr txBox="1"/>
          <p:nvPr/>
        </p:nvSpPr>
        <p:spPr>
          <a:xfrm>
            <a:off x="2801436" y="1021471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err="1"/>
          </a:p>
        </p:txBody>
      </p:sp>
      <p:sp>
        <p:nvSpPr>
          <p:cNvPr id="25" name="Title 2">
            <a:extLst>
              <a:ext uri="{FF2B5EF4-FFF2-40B4-BE49-F238E27FC236}">
                <a16:creationId xmlns:a16="http://schemas.microsoft.com/office/drawing/2014/main" id="{1B36E3CB-04EB-4FB7-BF5E-8603870B66DB}"/>
              </a:ext>
            </a:extLst>
          </p:cNvPr>
          <p:cNvSpPr txBox="1">
            <a:spLocks/>
          </p:cNvSpPr>
          <p:nvPr/>
        </p:nvSpPr>
        <p:spPr>
          <a:xfrm>
            <a:off x="599038" y="593562"/>
            <a:ext cx="10960904" cy="42812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400" b="1" kern="1200">
                <a:solidFill>
                  <a:schemeClr val="tx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>
                <a:latin typeface="Century Gothic" panose="020B0502020202020204" pitchFamily="34" charset="0"/>
              </a:rPr>
              <a:t>Team Introductions</a:t>
            </a:r>
          </a:p>
        </p:txBody>
      </p:sp>
      <p:sp>
        <p:nvSpPr>
          <p:cNvPr id="26" name="Content Placeholder 3">
            <a:extLst>
              <a:ext uri="{FF2B5EF4-FFF2-40B4-BE49-F238E27FC236}">
                <a16:creationId xmlns:a16="http://schemas.microsoft.com/office/drawing/2014/main" id="{FD8B7A93-4509-410B-B951-4751DC5D5229}"/>
              </a:ext>
            </a:extLst>
          </p:cNvPr>
          <p:cNvSpPr txBox="1">
            <a:spLocks/>
          </p:cNvSpPr>
          <p:nvPr/>
        </p:nvSpPr>
        <p:spPr>
          <a:xfrm>
            <a:off x="8482858" y="1231882"/>
            <a:ext cx="3529843" cy="4028039"/>
          </a:xfrm>
          <a:prstGeom prst="rect">
            <a:avLst/>
          </a:prstGeom>
        </p:spPr>
        <p:txBody>
          <a:bodyPr/>
          <a:lstStyle>
            <a:lvl1pPr marL="6350" indent="0" algn="l" defTabSz="914400" rtl="0" eaLnBrk="1" latinLnBrk="0" hangingPunct="1">
              <a:lnSpc>
                <a:spcPct val="90000"/>
              </a:lnSpc>
              <a:spcBef>
                <a:spcPts val="800"/>
              </a:spcBef>
              <a:spcAft>
                <a:spcPts val="200"/>
              </a:spcAft>
              <a:buClr>
                <a:schemeClr val="accent5"/>
              </a:buClr>
              <a:buFont typeface="Arial" panose="020B0604020202020204" pitchFamily="34" charset="0"/>
              <a:buNone/>
              <a:tabLst/>
              <a:defRPr sz="2200" b="0" i="0" kern="1200" spc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176213" indent="-169863" algn="l" defTabSz="914400" rtl="0" eaLnBrk="1" latinLnBrk="0" hangingPunct="1">
              <a:lnSpc>
                <a:spcPct val="90000"/>
              </a:lnSpc>
              <a:spcBef>
                <a:spcPts val="500"/>
              </a:spcBef>
              <a:spcAft>
                <a:spcPts val="200"/>
              </a:spcAft>
              <a:buClr>
                <a:schemeClr val="accent5"/>
              </a:buClr>
              <a:buFont typeface="Arial" panose="020B0604020202020204" pitchFamily="34" charset="0"/>
              <a:buChar char="•"/>
              <a:tabLst/>
              <a:defRPr sz="2000" b="0" i="0" kern="1200" spc="0">
                <a:solidFill>
                  <a:schemeClr val="tx1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400050" indent="-169863" algn="l" defTabSz="914400" rtl="0" eaLnBrk="1" latinLnBrk="0" hangingPunct="1">
              <a:lnSpc>
                <a:spcPct val="90000"/>
              </a:lnSpc>
              <a:spcBef>
                <a:spcPts val="500"/>
              </a:spcBef>
              <a:spcAft>
                <a:spcPts val="200"/>
              </a:spcAft>
              <a:buClr>
                <a:schemeClr val="tx2">
                  <a:lumMod val="75000"/>
                </a:schemeClr>
              </a:buClr>
              <a:buFont typeface="System Font Regular"/>
              <a:buChar char="–"/>
              <a:tabLst/>
              <a:defRPr sz="1500" b="0" i="0" kern="1200" spc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3pPr>
            <a:lvl4pPr marL="517525" indent="-114300" algn="l" defTabSz="914400" rtl="0" eaLnBrk="1" latinLnBrk="0" hangingPunct="1">
              <a:lnSpc>
                <a:spcPct val="90000"/>
              </a:lnSpc>
              <a:spcBef>
                <a:spcPts val="400"/>
              </a:spcBef>
              <a:buClr>
                <a:schemeClr val="tx1"/>
              </a:buClr>
              <a:buFont typeface="Arial" panose="020B0604020202020204" pitchFamily="34" charset="0"/>
              <a:buChar char="•"/>
              <a:tabLst/>
              <a:defRPr sz="1400" b="0" i="0" kern="1200" spc="0">
                <a:solidFill>
                  <a:schemeClr val="tx1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6350" indent="0" algn="l" defTabSz="914400" rtl="0" eaLnBrk="1" latinLnBrk="0" hangingPunct="1">
              <a:lnSpc>
                <a:spcPct val="90000"/>
              </a:lnSpc>
              <a:spcBef>
                <a:spcPts val="800"/>
              </a:spcBef>
              <a:spcAft>
                <a:spcPts val="200"/>
              </a:spcAft>
              <a:buClr>
                <a:schemeClr val="accent2"/>
              </a:buClr>
              <a:buFont typeface="System Font Regular"/>
              <a:buNone/>
              <a:tabLst/>
              <a:defRPr sz="2300" b="0" i="0" kern="1200" spc="0">
                <a:solidFill>
                  <a:schemeClr val="tx2">
                    <a:alpha val="65000"/>
                  </a:schemeClr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5pPr>
            <a:lvl6pPr marL="635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tabLst/>
              <a:defRPr sz="1050" b="1" i="0" kern="1200" spc="15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/>
            <a:r>
              <a:rPr lang="en-US" u="sng"/>
              <a:t>Briefly introduce yourself.</a:t>
            </a:r>
          </a:p>
          <a:p>
            <a:pPr marL="349250" indent="-342900">
              <a:buClrTx/>
              <a:buFont typeface="Wingdings" panose="05000000000000000000" pitchFamily="2" charset="2"/>
              <a:buChar char="v"/>
            </a:pPr>
            <a:r>
              <a:rPr lang="en-US"/>
              <a:t>Name</a:t>
            </a:r>
          </a:p>
          <a:p>
            <a:pPr marL="349250" indent="-342900">
              <a:buClrTx/>
              <a:buFont typeface="Wingdings" panose="05000000000000000000" pitchFamily="2" charset="2"/>
              <a:buChar char="v"/>
            </a:pPr>
            <a:r>
              <a:rPr lang="en-US"/>
              <a:t>Position</a:t>
            </a:r>
          </a:p>
          <a:p>
            <a:pPr marL="349250" indent="-342900">
              <a:buClrTx/>
              <a:buFont typeface="Wingdings" panose="05000000000000000000" pitchFamily="2" charset="2"/>
              <a:buChar char="v"/>
            </a:pPr>
            <a:r>
              <a:rPr lang="en-US"/>
              <a:t>Years of service</a:t>
            </a:r>
          </a:p>
          <a:p>
            <a:pPr marL="349250" indent="-342900">
              <a:buClrTx/>
              <a:buFont typeface="Wingdings" panose="05000000000000000000" pitchFamily="2" charset="2"/>
              <a:buChar char="v"/>
            </a:pPr>
            <a:r>
              <a:rPr lang="en-US"/>
              <a:t>Role within the organization</a:t>
            </a:r>
          </a:p>
          <a:p>
            <a:pPr marL="349250" indent="-342900">
              <a:buClrTx/>
              <a:buFont typeface="Wingdings" panose="05000000000000000000" pitchFamily="2" charset="2"/>
              <a:buChar char="v"/>
            </a:pPr>
            <a:r>
              <a:rPr lang="en-US"/>
              <a:t>Experience with cybersecurity</a:t>
            </a:r>
          </a:p>
          <a:p>
            <a:endParaRPr lang="en-US"/>
          </a:p>
          <a:p>
            <a:endParaRPr lang="en-US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C16D5D8-3422-6809-8100-183EAD91BC4C}"/>
              </a:ext>
            </a:extLst>
          </p:cNvPr>
          <p:cNvSpPr txBox="1"/>
          <p:nvPr/>
        </p:nvSpPr>
        <p:spPr>
          <a:xfrm>
            <a:off x="4312508" y="1791730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dirty="0" err="1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82E484F-C68A-2A98-2EA0-5ADC35F2F3CA}"/>
              </a:ext>
            </a:extLst>
          </p:cNvPr>
          <p:cNvSpPr txBox="1"/>
          <p:nvPr/>
        </p:nvSpPr>
        <p:spPr>
          <a:xfrm>
            <a:off x="4361935" y="3534032"/>
            <a:ext cx="0" cy="0"/>
          </a:xfrm>
          <a:prstGeom prst="rect">
            <a:avLst/>
          </a:prstGeom>
          <a:noFill/>
        </p:spPr>
        <p:txBody>
          <a:bodyPr wrap="none" lIns="0" rtlCol="0">
            <a:noAutofit/>
          </a:bodyPr>
          <a:lstStyle/>
          <a:p>
            <a:pPr algn="l"/>
            <a:endParaRPr lang="en-US" dirty="0" err="1"/>
          </a:p>
        </p:txBody>
      </p:sp>
    </p:spTree>
    <p:extLst>
      <p:ext uri="{BB962C8B-B14F-4D97-AF65-F5344CB8AC3E}">
        <p14:creationId xmlns:p14="http://schemas.microsoft.com/office/powerpoint/2010/main" val="5678623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4690387-2EE0-934E-A1FF-93F0903D162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692315" y="3280209"/>
            <a:ext cx="5271491" cy="690880"/>
          </a:xfrm>
        </p:spPr>
        <p:txBody>
          <a:bodyPr/>
          <a:lstStyle/>
          <a:p>
            <a:r>
              <a:rPr lang="en-US" dirty="0"/>
              <a:t>CommScope Recap</a:t>
            </a:r>
          </a:p>
        </p:txBody>
      </p:sp>
    </p:spTree>
    <p:extLst>
      <p:ext uri="{BB962C8B-B14F-4D97-AF65-F5344CB8AC3E}">
        <p14:creationId xmlns:p14="http://schemas.microsoft.com/office/powerpoint/2010/main" val="98958434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4BCABDC-E585-EDF9-48EF-F5389EEBF32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AE23761-D71E-484E-A406-E059CFC204B8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25" name="Title 24">
            <a:extLst>
              <a:ext uri="{FF2B5EF4-FFF2-40B4-BE49-F238E27FC236}">
                <a16:creationId xmlns:a16="http://schemas.microsoft.com/office/drawing/2014/main" id="{B30CDDA6-C3AC-B088-168F-3D864D2617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ttack Lifecyle</a:t>
            </a:r>
            <a:endParaRPr lang="en-US" dirty="0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0FF038D6-A483-6121-B4A8-401982599510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>
                <a:solidFill>
                  <a:schemeClr val="tx1"/>
                </a:solidFill>
              </a:rPr>
              <a:t>February – March 2023</a:t>
            </a: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D1A114F7-2D72-41AD-D16D-4E978D80DC5F}"/>
              </a:ext>
            </a:extLst>
          </p:cNvPr>
          <p:cNvGrpSpPr/>
          <p:nvPr/>
        </p:nvGrpSpPr>
        <p:grpSpPr>
          <a:xfrm>
            <a:off x="1337809" y="1665826"/>
            <a:ext cx="9516381" cy="3201773"/>
            <a:chOff x="599038" y="1310284"/>
            <a:chExt cx="10714685" cy="3604941"/>
          </a:xfrm>
        </p:grpSpPr>
        <p:grpSp>
          <p:nvGrpSpPr>
            <p:cNvPr id="36" name="Group 35">
              <a:extLst>
                <a:ext uri="{FF2B5EF4-FFF2-40B4-BE49-F238E27FC236}">
                  <a16:creationId xmlns:a16="http://schemas.microsoft.com/office/drawing/2014/main" id="{EB9F55FE-13A7-7BC4-0ED1-2CAC9655CA89}"/>
                </a:ext>
              </a:extLst>
            </p:cNvPr>
            <p:cNvGrpSpPr/>
            <p:nvPr/>
          </p:nvGrpSpPr>
          <p:grpSpPr>
            <a:xfrm>
              <a:off x="599038" y="1820042"/>
              <a:ext cx="10714685" cy="2499864"/>
              <a:chOff x="599038" y="1820042"/>
              <a:chExt cx="10714685" cy="2499864"/>
            </a:xfrm>
          </p:grpSpPr>
          <p:pic>
            <p:nvPicPr>
              <p:cNvPr id="3" name="Graphic 2">
                <a:extLst>
                  <a:ext uri="{FF2B5EF4-FFF2-40B4-BE49-F238E27FC236}">
                    <a16:creationId xmlns:a16="http://schemas.microsoft.com/office/drawing/2014/main" id="{6EEF7CCB-4DA4-B9E1-67D9-C190E9E0E8B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 cstate="email">
                <a:extLst>
                  <a:ext uri="{28A0092B-C50C-407E-A947-70E740481C1C}">
                    <a14:useLocalDpi xmlns:a14="http://schemas.microsoft.com/office/drawing/2010/main"/>
                  </a:ext>
                  <a:ext uri="{96DAC541-7B7A-43D3-8B79-37D633B846F1}">
                    <asvg:svgBlip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6562518" y="1820042"/>
                <a:ext cx="2372030" cy="2499864"/>
              </a:xfrm>
              <a:prstGeom prst="rect">
                <a:avLst/>
              </a:prstGeom>
            </p:spPr>
          </p:pic>
          <p:grpSp>
            <p:nvGrpSpPr>
              <p:cNvPr id="32" name="Group 31">
                <a:extLst>
                  <a:ext uri="{FF2B5EF4-FFF2-40B4-BE49-F238E27FC236}">
                    <a16:creationId xmlns:a16="http://schemas.microsoft.com/office/drawing/2014/main" id="{D4B556EB-E352-DA7C-8AC1-83CD7DC96F7F}"/>
                  </a:ext>
                </a:extLst>
              </p:cNvPr>
              <p:cNvGrpSpPr/>
              <p:nvPr/>
            </p:nvGrpSpPr>
            <p:grpSpPr>
              <a:xfrm>
                <a:off x="599038" y="2590800"/>
                <a:ext cx="10714685" cy="962770"/>
                <a:chOff x="599038" y="2590800"/>
                <a:chExt cx="10714685" cy="962770"/>
              </a:xfrm>
            </p:grpSpPr>
            <p:sp>
              <p:nvSpPr>
                <p:cNvPr id="5" name="Graphic 7">
                  <a:extLst>
                    <a:ext uri="{FF2B5EF4-FFF2-40B4-BE49-F238E27FC236}">
                      <a16:creationId xmlns:a16="http://schemas.microsoft.com/office/drawing/2014/main" id="{A92DCF48-618D-CF0B-7DC3-E98DECD0E8A5}"/>
                    </a:ext>
                  </a:extLst>
                </p:cNvPr>
                <p:cNvSpPr/>
                <p:nvPr/>
              </p:nvSpPr>
              <p:spPr>
                <a:xfrm>
                  <a:off x="599038" y="2835904"/>
                  <a:ext cx="1729344" cy="429370"/>
                </a:xfrm>
                <a:prstGeom prst="roundRect">
                  <a:avLst>
                    <a:gd name="adj" fmla="val 4836"/>
                  </a:avLst>
                </a:prstGeom>
                <a:solidFill>
                  <a:schemeClr val="tx1"/>
                </a:solidFill>
                <a:ln w="9467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algn="ctr"/>
                  <a:r>
                    <a:rPr lang="en-US" sz="1200" dirty="0">
                      <a:solidFill>
                        <a:schemeClr val="bg1"/>
                      </a:solidFill>
                    </a:rPr>
                    <a:t>Initial Recon</a:t>
                  </a:r>
                </a:p>
              </p:txBody>
            </p:sp>
            <p:sp>
              <p:nvSpPr>
                <p:cNvPr id="18" name="Graphic 7">
                  <a:extLst>
                    <a:ext uri="{FF2B5EF4-FFF2-40B4-BE49-F238E27FC236}">
                      <a16:creationId xmlns:a16="http://schemas.microsoft.com/office/drawing/2014/main" id="{00846885-8D1A-648B-2C8F-B65116BB80DD}"/>
                    </a:ext>
                  </a:extLst>
                </p:cNvPr>
                <p:cNvSpPr/>
                <p:nvPr/>
              </p:nvSpPr>
              <p:spPr>
                <a:xfrm>
                  <a:off x="2396882" y="2835904"/>
                  <a:ext cx="1729344" cy="429370"/>
                </a:xfrm>
                <a:prstGeom prst="roundRect">
                  <a:avLst>
                    <a:gd name="adj" fmla="val 4836"/>
                  </a:avLst>
                </a:prstGeom>
                <a:solidFill>
                  <a:schemeClr val="tx1"/>
                </a:solidFill>
                <a:ln w="9467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algn="ctr"/>
                  <a:r>
                    <a:rPr lang="en-US" sz="1200" dirty="0">
                      <a:solidFill>
                        <a:schemeClr val="bg1"/>
                      </a:solidFill>
                    </a:rPr>
                    <a:t>Initial Compromise</a:t>
                  </a:r>
                </a:p>
              </p:txBody>
            </p:sp>
            <p:sp>
              <p:nvSpPr>
                <p:cNvPr id="19" name="Graphic 7">
                  <a:extLst>
                    <a:ext uri="{FF2B5EF4-FFF2-40B4-BE49-F238E27FC236}">
                      <a16:creationId xmlns:a16="http://schemas.microsoft.com/office/drawing/2014/main" id="{D5D31698-39F8-8EE5-6CB5-A9B545A9E419}"/>
                    </a:ext>
                  </a:extLst>
                </p:cNvPr>
                <p:cNvSpPr/>
                <p:nvPr/>
              </p:nvSpPr>
              <p:spPr>
                <a:xfrm>
                  <a:off x="4194726" y="2835904"/>
                  <a:ext cx="1729344" cy="429370"/>
                </a:xfrm>
                <a:prstGeom prst="roundRect">
                  <a:avLst>
                    <a:gd name="adj" fmla="val 4836"/>
                  </a:avLst>
                </a:prstGeom>
                <a:solidFill>
                  <a:schemeClr val="tx1"/>
                </a:solidFill>
                <a:ln w="9467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algn="ctr"/>
                  <a:r>
                    <a:rPr lang="en-US" sz="1200" dirty="0">
                      <a:solidFill>
                        <a:schemeClr val="bg1"/>
                      </a:solidFill>
                    </a:rPr>
                    <a:t>Establish Foothold</a:t>
                  </a:r>
                </a:p>
              </p:txBody>
            </p:sp>
            <p:sp>
              <p:nvSpPr>
                <p:cNvPr id="24" name="Graphic 7">
                  <a:extLst>
                    <a:ext uri="{FF2B5EF4-FFF2-40B4-BE49-F238E27FC236}">
                      <a16:creationId xmlns:a16="http://schemas.microsoft.com/office/drawing/2014/main" id="{C029D7D3-CB9A-8857-E49B-F2C764586ADB}"/>
                    </a:ext>
                  </a:extLst>
                </p:cNvPr>
                <p:cNvSpPr/>
                <p:nvPr/>
              </p:nvSpPr>
              <p:spPr>
                <a:xfrm>
                  <a:off x="9584379" y="2835904"/>
                  <a:ext cx="1729344" cy="429370"/>
                </a:xfrm>
                <a:prstGeom prst="roundRect">
                  <a:avLst>
                    <a:gd name="adj" fmla="val 4836"/>
                  </a:avLst>
                </a:prstGeom>
                <a:solidFill>
                  <a:schemeClr val="tx1"/>
                </a:solidFill>
                <a:ln w="9467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algn="ctr"/>
                  <a:r>
                    <a:rPr lang="en-US" sz="1200" dirty="0">
                      <a:solidFill>
                        <a:schemeClr val="bg1"/>
                      </a:solidFill>
                    </a:rPr>
                    <a:t>Complete Mission</a:t>
                  </a:r>
                </a:p>
              </p:txBody>
            </p:sp>
            <p:grpSp>
              <p:nvGrpSpPr>
                <p:cNvPr id="31" name="Group 30">
                  <a:extLst>
                    <a:ext uri="{FF2B5EF4-FFF2-40B4-BE49-F238E27FC236}">
                      <a16:creationId xmlns:a16="http://schemas.microsoft.com/office/drawing/2014/main" id="{E19EED8F-CE54-DFE9-10FC-3244ADC289A9}"/>
                    </a:ext>
                  </a:extLst>
                </p:cNvPr>
                <p:cNvGrpSpPr/>
                <p:nvPr/>
              </p:nvGrpSpPr>
              <p:grpSpPr>
                <a:xfrm>
                  <a:off x="5992570" y="2590800"/>
                  <a:ext cx="3523310" cy="962770"/>
                  <a:chOff x="6002888" y="2590800"/>
                  <a:chExt cx="3523310" cy="962770"/>
                </a:xfrm>
              </p:grpSpPr>
              <p:sp>
                <p:nvSpPr>
                  <p:cNvPr id="20" name="Graphic 7">
                    <a:extLst>
                      <a:ext uri="{FF2B5EF4-FFF2-40B4-BE49-F238E27FC236}">
                        <a16:creationId xmlns:a16="http://schemas.microsoft.com/office/drawing/2014/main" id="{F89B56DA-CFAD-8935-EFBD-F5B102EBD158}"/>
                      </a:ext>
                    </a:extLst>
                  </p:cNvPr>
                  <p:cNvSpPr/>
                  <p:nvPr/>
                </p:nvSpPr>
                <p:spPr>
                  <a:xfrm>
                    <a:off x="6002888" y="2590800"/>
                    <a:ext cx="1729344" cy="429370"/>
                  </a:xfrm>
                  <a:prstGeom prst="roundRect">
                    <a:avLst>
                      <a:gd name="adj" fmla="val 4836"/>
                    </a:avLst>
                  </a:prstGeom>
                  <a:solidFill>
                    <a:schemeClr val="accent5"/>
                  </a:solidFill>
                  <a:ln w="9467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pPr algn="ctr"/>
                    <a:r>
                      <a:rPr lang="en-US" sz="1200" dirty="0">
                        <a:solidFill>
                          <a:schemeClr val="bg1"/>
                        </a:solidFill>
                      </a:rPr>
                      <a:t>Escalate Privileges</a:t>
                    </a:r>
                  </a:p>
                </p:txBody>
              </p:sp>
              <p:sp>
                <p:nvSpPr>
                  <p:cNvPr id="21" name="Graphic 7">
                    <a:extLst>
                      <a:ext uri="{FF2B5EF4-FFF2-40B4-BE49-F238E27FC236}">
                        <a16:creationId xmlns:a16="http://schemas.microsoft.com/office/drawing/2014/main" id="{B125AE1C-3DFB-852B-28C8-10A8FF04238D}"/>
                      </a:ext>
                    </a:extLst>
                  </p:cNvPr>
                  <p:cNvSpPr/>
                  <p:nvPr/>
                </p:nvSpPr>
                <p:spPr>
                  <a:xfrm>
                    <a:off x="7796854" y="2590800"/>
                    <a:ext cx="1729344" cy="429370"/>
                  </a:xfrm>
                  <a:prstGeom prst="roundRect">
                    <a:avLst>
                      <a:gd name="adj" fmla="val 4836"/>
                    </a:avLst>
                  </a:prstGeom>
                  <a:solidFill>
                    <a:schemeClr val="accent5"/>
                  </a:solidFill>
                  <a:ln w="9467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pPr algn="ctr"/>
                    <a:r>
                      <a:rPr lang="en-US" sz="1200" dirty="0">
                        <a:solidFill>
                          <a:schemeClr val="bg1"/>
                        </a:solidFill>
                      </a:rPr>
                      <a:t>Internal Reconnaissance</a:t>
                    </a:r>
                  </a:p>
                </p:txBody>
              </p:sp>
              <p:sp>
                <p:nvSpPr>
                  <p:cNvPr id="22" name="Graphic 7">
                    <a:extLst>
                      <a:ext uri="{FF2B5EF4-FFF2-40B4-BE49-F238E27FC236}">
                        <a16:creationId xmlns:a16="http://schemas.microsoft.com/office/drawing/2014/main" id="{30DB49B7-83DA-ADEA-AAA7-A8356AB2B9C7}"/>
                      </a:ext>
                    </a:extLst>
                  </p:cNvPr>
                  <p:cNvSpPr/>
                  <p:nvPr/>
                </p:nvSpPr>
                <p:spPr>
                  <a:xfrm>
                    <a:off x="6002888" y="3124200"/>
                    <a:ext cx="1729344" cy="429370"/>
                  </a:xfrm>
                  <a:prstGeom prst="roundRect">
                    <a:avLst>
                      <a:gd name="adj" fmla="val 4836"/>
                    </a:avLst>
                  </a:prstGeom>
                  <a:solidFill>
                    <a:srgbClr val="A00015"/>
                  </a:solidFill>
                  <a:ln w="9467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pPr algn="ctr"/>
                    <a:r>
                      <a:rPr lang="en-US" sz="1200" dirty="0">
                        <a:solidFill>
                          <a:schemeClr val="bg1"/>
                        </a:solidFill>
                      </a:rPr>
                      <a:t>Move Laterally</a:t>
                    </a:r>
                  </a:p>
                </p:txBody>
              </p:sp>
              <p:sp>
                <p:nvSpPr>
                  <p:cNvPr id="23" name="Graphic 7">
                    <a:extLst>
                      <a:ext uri="{FF2B5EF4-FFF2-40B4-BE49-F238E27FC236}">
                        <a16:creationId xmlns:a16="http://schemas.microsoft.com/office/drawing/2014/main" id="{B356ACAD-5D5B-E560-1A77-C979A8339881}"/>
                      </a:ext>
                    </a:extLst>
                  </p:cNvPr>
                  <p:cNvSpPr/>
                  <p:nvPr/>
                </p:nvSpPr>
                <p:spPr>
                  <a:xfrm>
                    <a:off x="7796854" y="3124200"/>
                    <a:ext cx="1729344" cy="429370"/>
                  </a:xfrm>
                  <a:prstGeom prst="roundRect">
                    <a:avLst>
                      <a:gd name="adj" fmla="val 4836"/>
                    </a:avLst>
                  </a:prstGeom>
                  <a:solidFill>
                    <a:schemeClr val="accent5"/>
                  </a:solidFill>
                  <a:ln w="9467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pPr algn="ctr"/>
                    <a:r>
                      <a:rPr lang="en-US" sz="1200" dirty="0">
                        <a:solidFill>
                          <a:schemeClr val="bg1"/>
                        </a:solidFill>
                      </a:rPr>
                      <a:t>Maintain Presence</a:t>
                    </a:r>
                  </a:p>
                </p:txBody>
              </p:sp>
            </p:grpSp>
          </p:grpSp>
        </p:grp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AB50788B-43E0-8D5E-D5F6-9971D543C461}"/>
                </a:ext>
              </a:extLst>
            </p:cNvPr>
            <p:cNvSpPr txBox="1"/>
            <p:nvPr/>
          </p:nvSpPr>
          <p:spPr>
            <a:xfrm>
              <a:off x="2440487" y="3355831"/>
              <a:ext cx="1669387" cy="1559394"/>
            </a:xfrm>
            <a:prstGeom prst="rect">
              <a:avLst/>
            </a:prstGeom>
            <a:noFill/>
          </p:spPr>
          <p:txBody>
            <a:bodyPr wrap="square" lIns="0" rtlCol="0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Account compromise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Single Factor Authenticated Remote login to Citrix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8, 2023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0D2A42A3-A43D-4D6E-2DA3-E417B652E6C3}"/>
                </a:ext>
              </a:extLst>
            </p:cNvPr>
            <p:cNvSpPr txBox="1"/>
            <p:nvPr/>
          </p:nvSpPr>
          <p:spPr>
            <a:xfrm>
              <a:off x="4236972" y="3355831"/>
              <a:ext cx="1628503" cy="519798"/>
            </a:xfrm>
            <a:prstGeom prst="rect">
              <a:avLst/>
            </a:prstGeom>
            <a:noFill/>
          </p:spPr>
          <p:txBody>
            <a:bodyPr wrap="square" lIns="0" rtlCol="0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Kerberoasting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8, 2023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2879A58-DA49-A6AE-3289-7CA251A94DCA}"/>
                </a:ext>
              </a:extLst>
            </p:cNvPr>
            <p:cNvSpPr txBox="1"/>
            <p:nvPr/>
          </p:nvSpPr>
          <p:spPr>
            <a:xfrm>
              <a:off x="6037888" y="3669340"/>
              <a:ext cx="1628503" cy="727717"/>
            </a:xfrm>
            <a:prstGeom prst="rect">
              <a:avLst/>
            </a:prstGeom>
            <a:noFill/>
          </p:spPr>
          <p:txBody>
            <a:bodyPr wrap="square" lIns="0" rtlCol="0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ove to ARRS domain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9, 2023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A1F19B66-93FB-DA47-15D7-CD06056B8E85}"/>
                </a:ext>
              </a:extLst>
            </p:cNvPr>
            <p:cNvSpPr txBox="1"/>
            <p:nvPr/>
          </p:nvSpPr>
          <p:spPr>
            <a:xfrm>
              <a:off x="7823480" y="3669340"/>
              <a:ext cx="1628503" cy="519798"/>
            </a:xfrm>
            <a:prstGeom prst="rect">
              <a:avLst/>
            </a:prstGeom>
            <a:noFill/>
          </p:spPr>
          <p:txBody>
            <a:bodyPr wrap="square" lIns="0" rtlCol="0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Install backdoor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9, 2023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A7D4BFE5-97A0-83A7-28D5-77812F4E6FA8}"/>
                </a:ext>
              </a:extLst>
            </p:cNvPr>
            <p:cNvSpPr txBox="1"/>
            <p:nvPr/>
          </p:nvSpPr>
          <p:spPr>
            <a:xfrm>
              <a:off x="9626570" y="3355831"/>
              <a:ext cx="1628503" cy="1559394"/>
            </a:xfrm>
            <a:prstGeom prst="rect">
              <a:avLst/>
            </a:prstGeom>
            <a:noFill/>
          </p:spPr>
          <p:txBody>
            <a:bodyPr wrap="square" lIns="0" rtlCol="0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Data collections / Data exfil (w.ps1)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Data encryption/ransomware (ESXi hypervisors)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26, 2023</a:t>
              </a:r>
            </a:p>
          </p:txBody>
        </p: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E4273BC5-824D-AE9C-713F-2C7199EBB582}"/>
                </a:ext>
              </a:extLst>
            </p:cNvPr>
            <p:cNvSpPr txBox="1"/>
            <p:nvPr/>
          </p:nvSpPr>
          <p:spPr>
            <a:xfrm>
              <a:off x="640248" y="3349870"/>
              <a:ext cx="1249814" cy="1143556"/>
            </a:xfrm>
            <a:prstGeom prst="rect">
              <a:avLst/>
            </a:prstGeom>
            <a:noFill/>
          </p:spPr>
          <p:txBody>
            <a:bodyPr wrap="square" lIns="0" rtlCol="0">
              <a:spAutoFit/>
            </a:bodyPr>
            <a:lstStyle/>
            <a:p>
              <a:pPr marL="171450" indent="-171450" algn="l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Discovery of Attack Surface Area.</a:t>
              </a:r>
            </a:p>
            <a:p>
              <a:pPr marL="171450" indent="-171450" algn="l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Feb 22.2023</a:t>
              </a:r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3F6830C0-9F6E-C576-48FF-6CCCE991EF14}"/>
                </a:ext>
              </a:extLst>
            </p:cNvPr>
            <p:cNvSpPr txBox="1"/>
            <p:nvPr/>
          </p:nvSpPr>
          <p:spPr>
            <a:xfrm>
              <a:off x="6037036" y="1726121"/>
              <a:ext cx="1628503" cy="727717"/>
            </a:xfrm>
            <a:prstGeom prst="rect">
              <a:avLst/>
            </a:prstGeom>
            <a:noFill/>
          </p:spPr>
          <p:txBody>
            <a:bodyPr wrap="square" lIns="0" rtlCol="0" anchor="b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Use of collected credentials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11, 2023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538EDDC6-97B4-CF63-FAF8-EEAC392A8FD4}"/>
                </a:ext>
              </a:extLst>
            </p:cNvPr>
            <p:cNvSpPr txBox="1"/>
            <p:nvPr/>
          </p:nvSpPr>
          <p:spPr>
            <a:xfrm>
              <a:off x="7822627" y="1310284"/>
              <a:ext cx="1628503" cy="1143556"/>
            </a:xfrm>
            <a:prstGeom prst="rect">
              <a:avLst/>
            </a:prstGeom>
            <a:noFill/>
          </p:spPr>
          <p:txBody>
            <a:bodyPr wrap="square" lIns="0" rtlCol="0" anchor="b">
              <a:spAutoFit/>
            </a:bodyPr>
            <a:lstStyle/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Domain Discovery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Collection of </a:t>
              </a:r>
              <a:r>
                <a:rPr lang="en-US" sz="1200" dirty="0" err="1">
                  <a:latin typeface="Barlow" pitchFamily="2" charset="77"/>
                </a:rPr>
                <a:t>NTDS.dit</a:t>
              </a:r>
              <a:r>
                <a:rPr lang="en-US" sz="1200" dirty="0">
                  <a:latin typeface="Barlow" pitchFamily="2" charset="77"/>
                </a:rPr>
                <a:t> and security hives*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US" sz="1200" dirty="0">
                  <a:latin typeface="Barlow" pitchFamily="2" charset="77"/>
                </a:rPr>
                <a:t>March 11, 2023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B14034B3-95CE-ECC7-90D1-90A7B8203599}"/>
              </a:ext>
            </a:extLst>
          </p:cNvPr>
          <p:cNvSpPr txBox="1"/>
          <p:nvPr/>
        </p:nvSpPr>
        <p:spPr>
          <a:xfrm>
            <a:off x="2441864" y="5548745"/>
            <a:ext cx="8036174" cy="2862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ct val="90000"/>
              </a:lnSpc>
              <a:spcAft>
                <a:spcPts val="600"/>
              </a:spcAft>
            </a:pPr>
            <a:r>
              <a:rPr lang="en-US" sz="1400" dirty="0">
                <a:latin typeface="+mj-lt"/>
              </a:rPr>
              <a:t>*Attacker performed the cycle of credential harvesting on 4 domains (ARRS, CommScope, MFG, USA)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2A53B44-ACBA-BBFD-AD77-4117FA4EAC0A}"/>
              </a:ext>
            </a:extLst>
          </p:cNvPr>
          <p:cNvSpPr txBox="1"/>
          <p:nvPr/>
        </p:nvSpPr>
        <p:spPr>
          <a:xfrm>
            <a:off x="4590060" y="6375790"/>
            <a:ext cx="3121367" cy="2862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ct val="90000"/>
              </a:lnSpc>
              <a:spcAft>
                <a:spcPts val="600"/>
              </a:spcAft>
            </a:pPr>
            <a:r>
              <a:rPr lang="en-US" sz="1400" b="0" i="0" u="none" strike="noStrike" dirty="0">
                <a:effectLst/>
                <a:latin typeface="+mj-lt"/>
              </a:rPr>
              <a:t>Mandiant Proprietary and Confidential</a:t>
            </a:r>
            <a:endParaRPr lang="en-US" sz="14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36309135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E70E2EE-9351-B8A1-ABD1-3F92AA54B3F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AE23761-D71E-484E-A406-E059CFC204B8}" type="slidenum">
              <a:rPr lang="en-US" smtClean="0"/>
              <a:pPr/>
              <a:t>6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2F577AA-0FE4-3C4B-31A0-A333596670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1958" y="492098"/>
            <a:ext cx="10960904" cy="423314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dirty="0"/>
              <a:t>Summary of Mitigation and Harden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AA3385F-B1D0-B1A3-8A47-14BA9265CD56}"/>
              </a:ext>
            </a:extLst>
          </p:cNvPr>
          <p:cNvSpPr txBox="1"/>
          <p:nvPr/>
        </p:nvSpPr>
        <p:spPr>
          <a:xfrm>
            <a:off x="650449" y="1234911"/>
            <a:ext cx="10407192" cy="52637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R="0" lvl="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US" sz="1800" dirty="0">
                <a:latin typeface="Barlow" pitchFamily="2" charset="77"/>
                <a:ea typeface="Arial" panose="020B0604020202020204" pitchFamily="34" charset="0"/>
              </a:rPr>
              <a:t>CommScope information security took the following mitigation and environmental hardening procedures to contain, eliminate, and prevent the threat actors continued activities: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Reset all user and service credentials 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Reset the Kerberos Account (KRBTGT), twice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Create all new privileged user or service accounts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Enable Multi-Factor authentication for all users, all access points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Block known threat actor IP addresses at the firewalls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Block execution of known host-based Indicators of Compromise (IOC) within the deployed EDR, SentinelOne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Deploy addition security tools, Trellix HX, to all systems and enable Mandiant Managed Defense services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Rebuild/Restore Microsoft Active Directory architecture to a known good state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Apply hardening polices to the new Microsoft Active Directory architecture</a:t>
            </a:r>
          </a:p>
          <a:p>
            <a:pPr marL="285750" marR="0" lvl="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1600" dirty="0">
                <a:latin typeface="Barlow" pitchFamily="2" charset="77"/>
                <a:cs typeface="Calibri" panose="020F0502020204030204" pitchFamily="34" charset="0"/>
              </a:rPr>
              <a:t>Rebuild VMWare ESXi hypervisors, apply hardening polices</a:t>
            </a:r>
          </a:p>
          <a:p>
            <a:pPr marL="171450" marR="0" lvl="0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Tx/>
              <a:buChar char="-"/>
            </a:pPr>
            <a:endParaRPr lang="en-US" sz="1000" dirty="0">
              <a:effectLst/>
              <a:latin typeface="Calibri" panose="020F0502020204030204" pitchFamily="34" charset="0"/>
              <a:ea typeface="Arial" panose="020B060402020202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63BDE84-B618-C57F-450B-2CC34172405E}"/>
              </a:ext>
            </a:extLst>
          </p:cNvPr>
          <p:cNvSpPr txBox="1"/>
          <p:nvPr/>
        </p:nvSpPr>
        <p:spPr>
          <a:xfrm>
            <a:off x="4590060" y="6375790"/>
            <a:ext cx="3153427" cy="2862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ct val="90000"/>
              </a:lnSpc>
              <a:spcAft>
                <a:spcPts val="600"/>
              </a:spcAft>
            </a:pPr>
            <a:r>
              <a:rPr lang="en-US" sz="1400" u="none" strike="noStrike" dirty="0">
                <a:effectLst/>
                <a:latin typeface="Barlow" pitchFamily="2" charset="77"/>
              </a:rPr>
              <a:t>Mandiant Proprietary and Confidential</a:t>
            </a:r>
            <a:endParaRPr lang="en-US" sz="1400" dirty="0">
              <a:latin typeface="Barlow" pitchFamily="2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327970783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E70E2EE-9351-B8A1-ABD1-3F92AA54B3F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AE23761-D71E-484E-A406-E059CFC204B8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2F577AA-0FE4-3C4B-31A0-A333596670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1958" y="492098"/>
            <a:ext cx="10960904" cy="423314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dirty="0"/>
              <a:t>Lesson Learned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AA3385F-B1D0-B1A3-8A47-14BA9265CD56}"/>
              </a:ext>
            </a:extLst>
          </p:cNvPr>
          <p:cNvSpPr txBox="1"/>
          <p:nvPr/>
        </p:nvSpPr>
        <p:spPr>
          <a:xfrm>
            <a:off x="650449" y="1234911"/>
            <a:ext cx="10407192" cy="47035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R="0" lvl="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</a:pPr>
            <a:r>
              <a:rPr lang="en-US" sz="2400" dirty="0">
                <a:latin typeface="Barlow" pitchFamily="2" charset="77"/>
                <a:ea typeface="Arial" panose="020B0604020202020204" pitchFamily="34" charset="0"/>
              </a:rPr>
              <a:t>Key areas of improvement for CommScope Cyber Security Program</a:t>
            </a:r>
          </a:p>
          <a:p>
            <a:pPr marL="28575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2200" dirty="0">
                <a:latin typeface="+mj-lt"/>
                <a:cs typeface="Calibri" panose="020F0502020204030204" pitchFamily="34" charset="0"/>
              </a:rPr>
              <a:t>Global use of Multi-Factor Authentication on all systems </a:t>
            </a:r>
          </a:p>
          <a:p>
            <a:pPr marL="28575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2200" dirty="0">
                <a:latin typeface="+mj-lt"/>
                <a:cs typeface="Calibri" panose="020F0502020204030204" pitchFamily="34" charset="0"/>
              </a:rPr>
              <a:t>Standardized log collection</a:t>
            </a:r>
          </a:p>
          <a:p>
            <a:pPr marL="28575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2200" dirty="0">
                <a:latin typeface="+mj-lt"/>
                <a:cs typeface="Calibri" panose="020F0502020204030204" pitchFamily="34" charset="0"/>
              </a:rPr>
              <a:t>Standardized security tool configurations / processes / procedures </a:t>
            </a:r>
          </a:p>
          <a:p>
            <a:pPr marL="628527" lvl="1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>
                <a:effectLst/>
                <a:latin typeface="Barlow" pitchFamily="2" charset="77"/>
                <a:ea typeface="Arial" panose="020B0604020202020204" pitchFamily="34" charset="0"/>
              </a:rPr>
              <a:t>EDR </a:t>
            </a:r>
          </a:p>
          <a:p>
            <a:pPr marL="628527" lvl="1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>
                <a:latin typeface="Barlow" pitchFamily="2" charset="77"/>
                <a:ea typeface="Arial" panose="020B0604020202020204" pitchFamily="34" charset="0"/>
              </a:rPr>
              <a:t>Firewall (IPS/IDS)</a:t>
            </a:r>
          </a:p>
          <a:p>
            <a:pPr marL="285750" indent="-285750" defTabSz="914354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US" sz="2200" dirty="0">
                <a:latin typeface="+mj-lt"/>
                <a:cs typeface="Calibri" panose="020F0502020204030204" pitchFamily="34" charset="0"/>
              </a:rPr>
              <a:t>Maturing of Security Team</a:t>
            </a:r>
          </a:p>
          <a:p>
            <a:pPr marL="628527" lvl="1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>
                <a:latin typeface="Barlow" pitchFamily="2" charset="77"/>
              </a:rPr>
              <a:t>Education and Training for security professionals on documented defense tools, techniques and procedures</a:t>
            </a:r>
          </a:p>
          <a:p>
            <a:pPr marL="628527" lvl="1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>
                <a:latin typeface="Barlow" pitchFamily="2" charset="77"/>
              </a:rPr>
              <a:t>Documented and current SOC plans / playbooks / procedures</a:t>
            </a:r>
          </a:p>
          <a:p>
            <a:pPr marL="628527" lvl="1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Tx/>
              <a:buChar char="-"/>
            </a:pPr>
            <a:endParaRPr lang="en-US" sz="1200" dirty="0">
              <a:latin typeface="Barlow" pitchFamily="2" charset="77"/>
            </a:endParaRPr>
          </a:p>
          <a:p>
            <a:pPr marL="171450" marR="0" lvl="0" indent="-1714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FontTx/>
              <a:buChar char="-"/>
            </a:pPr>
            <a:endParaRPr lang="en-US" sz="1000" dirty="0">
              <a:effectLst/>
              <a:latin typeface="Calibri" panose="020F0502020204030204" pitchFamily="34" charset="0"/>
              <a:ea typeface="Arial" panose="020B060402020202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63BDE84-B618-C57F-450B-2CC34172405E}"/>
              </a:ext>
            </a:extLst>
          </p:cNvPr>
          <p:cNvSpPr txBox="1"/>
          <p:nvPr/>
        </p:nvSpPr>
        <p:spPr>
          <a:xfrm>
            <a:off x="4590060" y="6375790"/>
            <a:ext cx="3006079" cy="2862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ct val="90000"/>
              </a:lnSpc>
              <a:spcAft>
                <a:spcPts val="600"/>
              </a:spcAft>
            </a:pPr>
            <a:r>
              <a:rPr lang="en-US" sz="1400" b="0" i="0" u="none" strike="noStrike" dirty="0">
                <a:effectLst/>
                <a:latin typeface="Calibri" panose="020F0502020204030204" pitchFamily="34" charset="0"/>
              </a:rPr>
              <a:t>Mandiant Proprietary and Confidential</a:t>
            </a:r>
            <a:endParaRPr lang="en-US" sz="14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7948594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4690387-2EE0-934E-A1FF-93F0903D162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692315" y="3280209"/>
            <a:ext cx="5271491" cy="690880"/>
          </a:xfrm>
        </p:spPr>
        <p:txBody>
          <a:bodyPr/>
          <a:lstStyle/>
          <a:p>
            <a:r>
              <a:rPr lang="en-US" dirty="0"/>
              <a:t>Remediation Charter</a:t>
            </a:r>
          </a:p>
        </p:txBody>
      </p:sp>
    </p:spTree>
    <p:extLst>
      <p:ext uri="{BB962C8B-B14F-4D97-AF65-F5344CB8AC3E}">
        <p14:creationId xmlns:p14="http://schemas.microsoft.com/office/powerpoint/2010/main" val="267533448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23E0B53-D6C4-471A-2D44-C1C85254D7F7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pPr marL="349250" indent="-342900" algn="l">
              <a:buFontTx/>
              <a:buChar char="-"/>
            </a:pPr>
            <a:r>
              <a:rPr lang="en-US" b="0" i="0" dirty="0">
                <a:solidFill>
                  <a:srgbClr val="172B4D"/>
                </a:solidFill>
                <a:effectLst/>
                <a:latin typeface="-apple-system"/>
              </a:rPr>
              <a:t>The client has many cybersecurity projects in flight. </a:t>
            </a:r>
          </a:p>
          <a:p>
            <a:pPr marL="349250" indent="-342900" algn="l">
              <a:buFontTx/>
              <a:buChar char="-"/>
            </a:pPr>
            <a:r>
              <a:rPr lang="en-US" b="0" i="0" dirty="0">
                <a:solidFill>
                  <a:srgbClr val="172B4D"/>
                </a:solidFill>
                <a:effectLst/>
                <a:latin typeface="-apple-system"/>
              </a:rPr>
              <a:t>Managing the projects, monitoring project status, and achieving meaningful progress is their primary issue. </a:t>
            </a:r>
          </a:p>
          <a:p>
            <a:pPr marL="349250" indent="-342900" algn="l">
              <a:buFontTx/>
              <a:buChar char="-"/>
            </a:pPr>
            <a:r>
              <a:rPr lang="en-US" b="0" i="0" dirty="0">
                <a:solidFill>
                  <a:srgbClr val="172B4D"/>
                </a:solidFill>
                <a:effectLst/>
                <a:latin typeface="-apple-system"/>
              </a:rPr>
              <a:t>The secondary problem is reporting project status to their SLT. The SLT and the </a:t>
            </a:r>
            <a:r>
              <a:rPr lang="en-US" b="0" i="0" dirty="0" err="1">
                <a:solidFill>
                  <a:srgbClr val="172B4D"/>
                </a:solidFill>
                <a:effectLst/>
                <a:latin typeface="-apple-system"/>
              </a:rPr>
              <a:t>BoD</a:t>
            </a:r>
            <a:r>
              <a:rPr lang="en-US" b="0" i="0" dirty="0">
                <a:solidFill>
                  <a:srgbClr val="172B4D"/>
                </a:solidFill>
                <a:effectLst/>
                <a:latin typeface="-apple-system"/>
              </a:rPr>
              <a:t> are hyper-focused on Cybersecurity project progress.</a:t>
            </a:r>
          </a:p>
          <a:p>
            <a:pPr marL="349250" indent="-342900" algn="l">
              <a:buFontTx/>
              <a:buChar char="-"/>
            </a:pPr>
            <a:r>
              <a:rPr lang="en-US" b="0" i="0" dirty="0" err="1">
                <a:solidFill>
                  <a:srgbClr val="172B4D"/>
                </a:solidFill>
                <a:effectLst/>
                <a:latin typeface="-apple-system"/>
              </a:rPr>
              <a:t>AzureDevOps</a:t>
            </a:r>
            <a:r>
              <a:rPr lang="en-US" b="0" i="0" dirty="0">
                <a:solidFill>
                  <a:srgbClr val="172B4D"/>
                </a:solidFill>
                <a:effectLst/>
                <a:latin typeface="-apple-system"/>
              </a:rPr>
              <a:t> (ADO) is the chosen project tracking tool. </a:t>
            </a:r>
          </a:p>
          <a:p>
            <a:pPr marL="349250" indent="-342900" algn="l">
              <a:buFontTx/>
              <a:buChar char="-"/>
            </a:pPr>
            <a:r>
              <a:rPr lang="en-US" b="0" i="0" dirty="0">
                <a:solidFill>
                  <a:srgbClr val="172B4D"/>
                </a:solidFill>
                <a:effectLst/>
                <a:latin typeface="-apple-system"/>
              </a:rPr>
              <a:t>There are about 6 work-streams that have been identified. </a:t>
            </a: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233DFBE-53FF-43E2-D37B-AFA9C9F99C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 of Remediation Project </a:t>
            </a:r>
          </a:p>
        </p:txBody>
      </p:sp>
    </p:spTree>
    <p:extLst>
      <p:ext uri="{BB962C8B-B14F-4D97-AF65-F5344CB8AC3E}">
        <p14:creationId xmlns:p14="http://schemas.microsoft.com/office/powerpoint/2010/main" val="40801676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30T00:00:00.0000000"/>
  <p:tag name="OTLENDDATE" val="2021-10-03T23:59:00.0000000"/>
  <p:tag name="OTLDURATIONFORMAT" val="day"/>
  <p:tag name="OTLSPACING" val="5"/>
  <p:tag name="OTLSHAPETHICKNESSTYPE" val="Thin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1-15T23:59:00.0000000"/>
  <p:tag name="OTLDURATIONFORMAT" val="day"/>
  <p:tag name="OTLSPACING" val="5"/>
  <p:tag name="OTLSHAPETHICKNESSTYPE" val="Thin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0-14T23:59:00.0000000"/>
  <p:tag name="OTLDURATIONFORMAT" val="day"/>
  <p:tag name="OTLSPACING" val="5"/>
  <p:tag name="OTLSHAPETHICKNESSTYPE" val="Thin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0-19T23:59:00.0000000"/>
  <p:tag name="OTLDURATIONFORMAT" val="day"/>
  <p:tag name="OTLSPACING" val="5"/>
  <p:tag name="OTLSHAPETHICKNESSTYPE" val="Thin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Kickoff"/>
  <p:tag name="OTLDATE" val="2021-08-30T23:59:00.0000000"/>
  <p:tag name="OTLPOSITIONONTASK" val="None"/>
  <p:tag name="OTLRELATEDTASKID" val="00000000-0000-0000-0000-00000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0-19T23:59:00.0000000"/>
  <p:tag name="OTLDURATIONFORMAT" val="day"/>
  <p:tag name="OTLSPACING" val="5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0T00:00:00.0000000"/>
  <p:tag name="OTLENDDATE" val="2021-09-27T23:59:00.0000000"/>
  <p:tag name="OTLDURATIONFORMAT" val="day"/>
  <p:tag name="OTLSPACING" val="5"/>
  <p:tag name="OTLSHAPETHICKNESSTYPE" val="Thin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0-14T23:59:00.0000000"/>
  <p:tag name="OTLDURATIONFORMAT" val="day"/>
  <p:tag name="OTLSPACING" val="5"/>
  <p:tag name="OTLSHAPETHICKNESSTYP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0-14T23:59:00.0000000"/>
  <p:tag name="OTLDURATIONFORMAT" val="day"/>
  <p:tag name="OTLSPACING" val="5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4T00:00:00.0000000"/>
  <p:tag name="OTLENDDATE" val="2021-10-19T23:59:00.0000000"/>
  <p:tag name="OTLDURATIONFORMAT" val="day"/>
  <p:tag name="OTLSPACING" val="5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0T00:00:00.0000000"/>
  <p:tag name="OTLENDDATE" val="2021-09-27T23:59:00.0000000"/>
  <p:tag name="OTLDURATIONFORMAT" val="day"/>
  <p:tag name="OTLSPACING" val="5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30T00:00:00.0000000"/>
  <p:tag name="OTLENDDATE" val="2021-10-03T23:59:00.0000000"/>
  <p:tag name="OTLDURATIONFORMAT" val="day"/>
  <p:tag name="OTLSPACING" val="5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0T00:00:00.0000000"/>
  <p:tag name="OTLENDDATE" val="2021-09-27T23:59:00.0000000"/>
  <p:tag name="OTLDURATIONFORMAT" val="day"/>
  <p:tag name="OTLSPACING" val="5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12-17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0T00:00:00.0000000"/>
  <p:tag name="OTLENDDATE" val="2021-09-27T23:59:00.0000000"/>
  <p:tag name="OTLDURATIONFORMAT" val="day"/>
  <p:tag name="OTLSPACING" val="5"/>
  <p:tag name="OTLSHAPETHICKNESSTYPE" val="Thin"/>
  <p:tag name="OTLMARKERSHAPE" val="OTL"/>
</p:tagLst>
</file>

<file path=ppt/theme/theme1.xml><?xml version="1.0" encoding="utf-8"?>
<a:theme xmlns:a="http://schemas.openxmlformats.org/drawingml/2006/main" name="Mandiant-Core-Theme">
  <a:themeElements>
    <a:clrScheme name="MNDT-Colors">
      <a:dk1>
        <a:srgbClr val="FFFFFF"/>
      </a:dk1>
      <a:lt1>
        <a:srgbClr val="121117"/>
      </a:lt1>
      <a:dk2>
        <a:srgbClr val="D7DADA"/>
      </a:dk2>
      <a:lt2>
        <a:srgbClr val="4C4C4C"/>
      </a:lt2>
      <a:accent1>
        <a:srgbClr val="8D1F1F"/>
      </a:accent1>
      <a:accent2>
        <a:srgbClr val="58171F"/>
      </a:accent2>
      <a:accent3>
        <a:srgbClr val="F8A24B"/>
      </a:accent3>
      <a:accent4>
        <a:srgbClr val="23BEC9"/>
      </a:accent4>
      <a:accent5>
        <a:srgbClr val="D6001C"/>
      </a:accent5>
      <a:accent6>
        <a:srgbClr val="364B55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rtlCol="0">
        <a:noAutofit/>
      </a:bodyPr>
      <a:lstStyle>
        <a:defPPr algn="l"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MNDT-Colors">
      <a:dk1>
        <a:srgbClr val="FFFFFF"/>
      </a:dk1>
      <a:lt1>
        <a:srgbClr val="121117"/>
      </a:lt1>
      <a:dk2>
        <a:srgbClr val="D7DADA"/>
      </a:dk2>
      <a:lt2>
        <a:srgbClr val="4C4C4C"/>
      </a:lt2>
      <a:accent1>
        <a:srgbClr val="8D1F1F"/>
      </a:accent1>
      <a:accent2>
        <a:srgbClr val="58171F"/>
      </a:accent2>
      <a:accent3>
        <a:srgbClr val="F8A24B"/>
      </a:accent3>
      <a:accent4>
        <a:srgbClr val="23BEC9"/>
      </a:accent4>
      <a:accent5>
        <a:srgbClr val="D6001C"/>
      </a:accent5>
      <a:accent6>
        <a:srgbClr val="364B55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60327F3AEF96B4884D51A65D78B8E25" ma:contentTypeVersion="14" ma:contentTypeDescription="Create a new document." ma:contentTypeScope="" ma:versionID="2efdb01a5f131b1106ba40d68d8ebc60">
  <xsd:schema xmlns:xsd="http://www.w3.org/2001/XMLSchema" xmlns:xs="http://www.w3.org/2001/XMLSchema" xmlns:p="http://schemas.microsoft.com/office/2006/metadata/properties" xmlns:ns2="50902f46-7bef-40d7-a5b3-01485f228f3b" xmlns:ns3="99547940-35ff-4783-a683-010e3ee62ef3" targetNamespace="http://schemas.microsoft.com/office/2006/metadata/properties" ma:root="true" ma:fieldsID="44e1e02417524eb814664b3262d03bb5" ns2:_="" ns3:_="">
    <xsd:import namespace="50902f46-7bef-40d7-a5b3-01485f228f3b"/>
    <xsd:import namespace="99547940-35ff-4783-a683-010e3ee62ef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lcf76f155ced4ddcb4097134ff3c332f" minOccurs="0"/>
                <xsd:element ref="ns3:TaxCatchAll" minOccurs="0"/>
                <xsd:element ref="ns3:SharedWithUsers" minOccurs="0"/>
                <xsd:element ref="ns3:SharedWithDetail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0902f46-7bef-40d7-a5b3-01485f228f3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lcf76f155ced4ddcb4097134ff3c332f" ma:index="16" nillable="true" ma:taxonomy="true" ma:internalName="lcf76f155ced4ddcb4097134ff3c332f" ma:taxonomyFieldName="MediaServiceImageTags" ma:displayName="Image Tags" ma:readOnly="false" ma:fieldId="{5cf76f15-5ced-4ddc-b409-7134ff3c332f}" ma:taxonomyMulti="true" ma:sspId="188bb9a2-523b-4084-b377-52f4a8f39e31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SearchProperties" ma:index="20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9547940-35ff-4783-a683-010e3ee62ef3" elementFormDefault="qualified">
    <xsd:import namespace="http://schemas.microsoft.com/office/2006/documentManagement/types"/>
    <xsd:import namespace="http://schemas.microsoft.com/office/infopath/2007/PartnerControls"/>
    <xsd:element name="TaxCatchAll" ma:index="17" nillable="true" ma:displayName="Taxonomy Catch All Column" ma:hidden="true" ma:list="{133eb3da-fd08-4822-a51f-3f41a4d60cae}" ma:internalName="TaxCatchAll" ma:showField="CatchAllData" ma:web="99547940-35ff-4783-a683-010e3ee62ef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99547940-35ff-4783-a683-010e3ee62ef3" xsi:nil="true"/>
    <lcf76f155ced4ddcb4097134ff3c332f xmlns="50902f46-7bef-40d7-a5b3-01485f228f3b">
      <Terms xmlns="http://schemas.microsoft.com/office/infopath/2007/PartnerControls"/>
    </lcf76f155ced4ddcb4097134ff3c332f>
    <SharedWithUsers xmlns="99547940-35ff-4783-a683-010e3ee62ef3">
      <UserInfo>
        <DisplayName>Dan Nutting</DisplayName>
        <AccountId>118</AccountId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3198BF6-26BA-4929-AE0B-F2EBBC0FDD8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0902f46-7bef-40d7-a5b3-01485f228f3b"/>
    <ds:schemaRef ds:uri="99547940-35ff-4783-a683-010e3ee62ef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6C02DCB-3DE4-4BEC-9873-AABF6DCF6F62}">
  <ds:schemaRefs>
    <ds:schemaRef ds:uri="http://schemas.microsoft.com/office/infopath/2007/PartnerControls"/>
    <ds:schemaRef ds:uri="http://schemas.microsoft.com/office/2006/metadata/properties"/>
    <ds:schemaRef ds:uri="50902f46-7bef-40d7-a5b3-01485f228f3b"/>
    <ds:schemaRef ds:uri="http://purl.org/dc/terms/"/>
    <ds:schemaRef ds:uri="http://schemas.microsoft.com/office/2006/documentManagement/types"/>
    <ds:schemaRef ds:uri="http://purl.org/dc/dcmitype/"/>
    <ds:schemaRef ds:uri="http://schemas.openxmlformats.org/package/2006/metadata/core-properties"/>
    <ds:schemaRef ds:uri="http://www.w3.org/XML/1998/namespace"/>
    <ds:schemaRef ds:uri="http://purl.org/dc/elements/1.1/"/>
    <ds:schemaRef ds:uri="99547940-35ff-4783-a683-010e3ee62ef3"/>
  </ds:schemaRefs>
</ds:datastoreItem>
</file>

<file path=customXml/itemProps3.xml><?xml version="1.0" encoding="utf-8"?>
<ds:datastoreItem xmlns:ds="http://schemas.openxmlformats.org/officeDocument/2006/customXml" ds:itemID="{286C2398-6833-4A72-A03E-557FCD8DE4A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05</TotalTime>
  <Words>905</Words>
  <Application>Microsoft Macintosh PowerPoint</Application>
  <PresentationFormat>Widescreen</PresentationFormat>
  <Paragraphs>198</Paragraphs>
  <Slides>1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5</vt:i4>
      </vt:variant>
    </vt:vector>
  </HeadingPairs>
  <TitlesOfParts>
    <vt:vector size="29" baseType="lpstr">
      <vt:lpstr>-apple-system</vt:lpstr>
      <vt:lpstr>Arial</vt:lpstr>
      <vt:lpstr>Barlow</vt:lpstr>
      <vt:lpstr>Barlow SemiBold</vt:lpstr>
      <vt:lpstr>Calibri</vt:lpstr>
      <vt:lpstr>Calibri Light</vt:lpstr>
      <vt:lpstr>Century Gothic</vt:lpstr>
      <vt:lpstr>FireEye Display U</vt:lpstr>
      <vt:lpstr>Helvetica</vt:lpstr>
      <vt:lpstr>Marlett</vt:lpstr>
      <vt:lpstr>System Font Regular</vt:lpstr>
      <vt:lpstr>Wingdings</vt:lpstr>
      <vt:lpstr>Mandiant-Core-Theme</vt:lpstr>
      <vt:lpstr>1_Office Theme</vt:lpstr>
      <vt:lpstr>CommScope: Remediation Engagement Internal Kickoff Phase 2 July 2023</vt:lpstr>
      <vt:lpstr>Agenda </vt:lpstr>
      <vt:lpstr>PowerPoint Presentation</vt:lpstr>
      <vt:lpstr>PowerPoint Presentation</vt:lpstr>
      <vt:lpstr>Attack Lifecyle</vt:lpstr>
      <vt:lpstr>Summary of Mitigation and Hardening</vt:lpstr>
      <vt:lpstr>Lesson Learned</vt:lpstr>
      <vt:lpstr>PowerPoint Presentation</vt:lpstr>
      <vt:lpstr>Scope of Remediation Project </vt:lpstr>
      <vt:lpstr>High-level Timeline</vt:lpstr>
      <vt:lpstr>Current Status</vt:lpstr>
      <vt:lpstr>Standup Meeting Overview </vt:lpstr>
      <vt:lpstr>Proposed Meeting Schedule</vt:lpstr>
      <vt:lpstr>Next Steps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ria Pavlick-Larsen</dc:creator>
  <cp:lastModifiedBy>Jegannathan Candassamy</cp:lastModifiedBy>
  <cp:revision>5</cp:revision>
  <dcterms:created xsi:type="dcterms:W3CDTF">2021-09-28T13:58:04Z</dcterms:created>
  <dcterms:modified xsi:type="dcterms:W3CDTF">2023-06-28T19:37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60327F3AEF96B4884D51A65D78B8E25</vt:lpwstr>
  </property>
  <property fmtid="{D5CDD505-2E9C-101B-9397-08002B2CF9AE}" pid="3" name="MediaServiceImageTags">
    <vt:lpwstr/>
  </property>
</Properties>
</file>